
<file path=[Content_Types].xml><?xml version="1.0" encoding="utf-8"?>
<Types xmlns="http://schemas.openxmlformats.org/package/2006/content-types">
  <Default Extension="bin" ContentType="application/vnd.openxmlformats-officedocument.spreadsheetml.printerSettings"/>
  <Default Extension="jpg" ContentType="image/jpe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tables/table1.xml" ContentType="application/vnd.openxmlformats-officedocument.spreadsheetml.table+xml"/>
  <Override PartName="/customXml/itemProps1.xml" ContentType="application/vnd.openxmlformats-officedocument.customXmlProperties+xml"/>
  <Override PartName="/customXml/itemProps2.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623"/>
  <workbookPr filterPrivacy="1"/>
  <xr:revisionPtr revIDLastSave="0" documentId="13_ncr:1_{048BFD1E-D4B3-49D7-A18C-7064B0B19866}" xr6:coauthVersionLast="47" xr6:coauthVersionMax="47" xr10:uidLastSave="{00000000-0000-0000-0000-000000000000}"/>
  <workbookProtection workbookAlgorithmName="SHA-512" workbookHashValue="FkDhC2rd83GniyusGjOfWy3vbwgOKHVUQAJzr4DFjT3iQNzaZKWDHoeRrv26FoOQdTL4aH6jY5lIZPDIufU/+A==" workbookSaltValue="Or/QK1RjXzK/DbgfBPk5dw==" workbookSpinCount="100000" lockStructure="1"/>
  <bookViews>
    <workbookView xWindow="57480" yWindow="-120" windowWidth="29040" windowHeight="15720" xr2:uid="{01B1E72B-5336-4561-ACF1-819786852B9B}"/>
  </bookViews>
  <sheets>
    <sheet name="Introduction" sheetId="4" r:id="rId1"/>
    <sheet name="Questionnaire" sheetId="3" r:id="rId2"/>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135" uniqueCount="111">
  <si>
    <t>Software integrity and authenticity</t>
  </si>
  <si>
    <t xml:space="preserve"> </t>
  </si>
  <si>
    <t>The supplier has established a process to define the product's security context to ensure that the minimum requirements of the environment, as well as the assumptions about that environment, are thoroughly documented</t>
  </si>
  <si>
    <t xml:space="preserve">The supplier has established a process to ensure that every product has a threat model tailored to its current development scope. This model should comprehensively address aspects such as information flow, trust boundaries, external and internal interactions, physical and hardware attack vectors, potential threats with severity scoring, mitigations, and external dependencies like third-party code. </t>
  </si>
  <si>
    <t>Security Requirements</t>
  </si>
  <si>
    <t>Secure Design</t>
  </si>
  <si>
    <t>Secure Implementation</t>
  </si>
  <si>
    <t>Security Testing</t>
  </si>
  <si>
    <t>Vulnerability Handling</t>
  </si>
  <si>
    <t>Update Management</t>
  </si>
  <si>
    <t>General</t>
  </si>
  <si>
    <t>The supplier developed the product using a systematic approach that prioritized security at every stage of development, ensuring compliance with the Secure by Default principle. This ensures that security is integrated proactively into the product's design and development process, resulting in a solution that is inherently secure without requiring additional user configuration.</t>
  </si>
  <si>
    <t>Secure Development Lifecycle</t>
  </si>
  <si>
    <t>Sub-supplier</t>
  </si>
  <si>
    <t>Data collection</t>
  </si>
  <si>
    <t>The supplier has established a process to ensure that security requirements for the product or feature under development are systematically documented. These requirements must take identified threats into account, ensuring that potential risks are addressed effectively within the product's design and implementation.</t>
  </si>
  <si>
    <t>The term "product" encompasses all components provided by the supplier that are essential for achieving the intended use of the product. This includes both hardware and software, regardless of whether they are listed under separate supplier part numbers</t>
  </si>
  <si>
    <t>DOCUMENT INFORMATION</t>
  </si>
  <si>
    <t>Title:</t>
  </si>
  <si>
    <t>Scope:</t>
  </si>
  <si>
    <t>Owner:</t>
  </si>
  <si>
    <t>Author:</t>
  </si>
  <si>
    <t>Creation Date:</t>
  </si>
  <si>
    <t>Revision Date:</t>
  </si>
  <si>
    <t>Version:</t>
  </si>
  <si>
    <t>B&amp;R Cyber Security</t>
  </si>
  <si>
    <t>Gregor Auer, Robert Fuchs</t>
  </si>
  <si>
    <t>OBJECTIVES</t>
  </si>
  <si>
    <t>Baseline security requirements for product supplier</t>
  </si>
  <si>
    <t>GUIDELINES</t>
  </si>
  <si>
    <t>DEFINITIONS</t>
  </si>
  <si>
    <t>Product</t>
  </si>
  <si>
    <t>Cyber Security supplier evaluation questionnaire for a specific hard- and/or software product</t>
  </si>
  <si>
    <t>This questionnaire describes the essential cybersecurity requirements for suppliers of a specific hard- and/or software product or component used in B&amp;R product(s).
B&amp;R suppliers are asked to review the requirements and provide a statement indicating the degree of compliance to this requirement. These statements build the foundation for the security assessment conducted by B&amp;R.
The questionnaire is based on the IEC 62443 cyber security standard as well as ABB cyber security requirements.</t>
  </si>
  <si>
    <t>1.1</t>
  </si>
  <si>
    <t>1.2</t>
  </si>
  <si>
    <t>1.3</t>
  </si>
  <si>
    <t>2.1</t>
  </si>
  <si>
    <t>2.2</t>
  </si>
  <si>
    <t>2.3</t>
  </si>
  <si>
    <t>4.1</t>
  </si>
  <si>
    <t>2.4</t>
  </si>
  <si>
    <t>2.5</t>
  </si>
  <si>
    <t>3.1</t>
  </si>
  <si>
    <t>3.2</t>
  </si>
  <si>
    <t>3.3</t>
  </si>
  <si>
    <t>4.4</t>
  </si>
  <si>
    <t>4.5</t>
  </si>
  <si>
    <t>4.2</t>
  </si>
  <si>
    <t>4.3</t>
  </si>
  <si>
    <t>5.1</t>
  </si>
  <si>
    <t>6.1</t>
  </si>
  <si>
    <t>6.2</t>
  </si>
  <si>
    <t>6.3</t>
  </si>
  <si>
    <t>7.1</t>
  </si>
  <si>
    <t>7.2</t>
  </si>
  <si>
    <t>7.3</t>
  </si>
  <si>
    <t>7.4</t>
  </si>
  <si>
    <t>7.5</t>
  </si>
  <si>
    <t>8.1</t>
  </si>
  <si>
    <t>8.2</t>
  </si>
  <si>
    <t>8.3</t>
  </si>
  <si>
    <t>9.1</t>
  </si>
  <si>
    <t>10.1</t>
  </si>
  <si>
    <t>10.2</t>
  </si>
  <si>
    <t>10.3</t>
  </si>
  <si>
    <t>11.1</t>
  </si>
  <si>
    <t>12.1</t>
  </si>
  <si>
    <t>Requirement</t>
  </si>
  <si>
    <t>Requirement chapter</t>
  </si>
  <si>
    <t>Requirement ID</t>
  </si>
  <si>
    <t>The supplier ensures that the product version does not violate Open Source license obligations and required license information is clearly stated in the products user documentation</t>
  </si>
  <si>
    <t>The supplier provides regular cybersecurity awareness training for employees, including role-specific security training</t>
  </si>
  <si>
    <t>1.4</t>
  </si>
  <si>
    <t>1.5</t>
  </si>
  <si>
    <t xml:space="preserve">The supplier ensures the product version does not have any accounts, passwords, or private/secret keys that cannot be changed, disabled, or removed by the authorized end user of the product. Account configuration adheres to the Principle of Least Privilege, ensuring minimal permissions necessary for operation.			</t>
  </si>
  <si>
    <t>The supplier ensures the product does not have any accounts (individual, shared, debug, etc.) that are not documented and cannot be changed, like backdoors or hardcoded credentials.</t>
  </si>
  <si>
    <t>Please state for which specific hard- and/or software product, including version information this supplier evaluation is populated.</t>
  </si>
  <si>
    <t>The supplier has assigned roles and designated contact persons/channels for cybersecurity activities.
Please state also the primary contact, like cybersecurity@yourcompany.com</t>
  </si>
  <si>
    <t>The suppliers secure development process has been independently reviewed. The supplier holds an appropriate certification, such as IEC 62443-4-1 ML-3, demonstrating compliance with recognized security standards.</t>
  </si>
  <si>
    <t>The suppliers product version has already been reviewed by an independent entity and holds an appropriate certification, such as IEC 62443-4-2 SL-C 2.</t>
  </si>
  <si>
    <t>The supplier has established a process to implement the Secure by Design principle in their product version, deliberately applying secure design practices and supports the Defense in Depth principle, providing layered security measures to mitigate risks effectively.</t>
  </si>
  <si>
    <t xml:space="preserve">The supplier ensures cryptographic tools and security functionality implemented or used in the product version follows commonly accepted security industry recommendations and guidelines (e.g., as recommended by NIST or defined in international standards). This includes, for example:
  - Cryptographic algorithms to hash, encrypt, or sign data for storage or transmission.	
  - Protocols and procedures to support cryptographic algorithms (e.g., to exchange certificates, to establish keys, or to generate random numbers).	
  - Functionality to authenticate end users or for access control.	
Any cryptographic tool or security functionality implemented or used in the product version that does not follow commonly accepted security industry recommendations and guidelines shall be documented and communicated to B&amp;R. Such documentation shall include, at least, its origin (e.g., proprietary tool), its reference documentation (e.g., academic publication), its functionality (e.g., encryption), its main security-related features, characteristics, and parameters (e.g., used ECC curve), as well as in which context or part of the product version it is used (e.g., user authentication).		</t>
  </si>
  <si>
    <t xml:space="preserve">The supplier ensures (if applicable) secure storage on the product and functionality to properly delete sensitive data, like cryptographic key material . This includes securely storing keys in encrypted formats to prevent unauthorized access and implementing robust processes for the safe deletion of key material, ensuring that no residual data remains accessible. 
If digital certificates are used in the development of the product version (e.g., to sign code or as a root to derive product-specific certificates), they shall be protected and handled according to commonly accepted industry standards and practices.		</t>
  </si>
  <si>
    <t>The supplier has established a secure coding process. This process shall include automated and manual code reviews. Static Code Analysis tools shall be used to analyze the source code for vulnerabilities, using rulesets that prioritize security aspects such as preventing injection attacks and buffer overflows.</t>
  </si>
  <si>
    <t>The supplier has established a comprehensive process to verify security-related requirements and ensure that identified threats have been successfully mitigated. This process shall include testing for boundary and edge conditions, stress testing to evaluate system robustness under extreme loads, and malformed or unexpected input tests.</t>
  </si>
  <si>
    <t>The supplier has established a process to test the product for potential security vulnerabilities. This includes leveraging industry-recognized sources for known vulnerabilities and conducting tests such as abuse case testing, attack surface analysis, and black-box vulnerability scanning.
Examples demonstrating the fulfillment include: Penetration tests and the usage of industry recognized vulnerability scanners.</t>
  </si>
  <si>
    <t xml:space="preserve">The supplier shall proactively take measures to prevent malware from being propagated. These measures shall follow commonly accepted industry standards and practices and shall include successfully scanning software deliverables (including their storage media or downloads) with different suitable and up-to-date antivirus solutions before delivery.		</t>
  </si>
  <si>
    <t xml:space="preserve">The supplier shall provide B&amp;R with all necessary information on how B&amp;R can report found vulnerabilities. </t>
  </si>
  <si>
    <t xml:space="preserve">The supplier shall take adequate measures to mitigate the risks associated to sub-suppliers and sub-contractors that do not meet the listed or equivalent requirements.		</t>
  </si>
  <si>
    <t xml:space="preserve">The supplier shall provide B&amp;R with the capability to verify the integrity and authenticity, e.g., through digital signatures, of software deliverables associated with the product, at least, by packaging any software delivered to B&amp;R in a way to allow B&amp;R to verify the integrity and authenticity of such package.		
Where technically feasible, all relevant files of the software deliverable shall be digitally signed.		</t>
  </si>
  <si>
    <t>The supplier shall provide comprehensive product user documentation that includes a detailed description of the product's defense-in-depth approach, the defense measures required in its operational environment, and recommended hardening guidelines. Additionally, the documentation must cover secure operation practices, guidelines for secure disposal, and account management instructions to ensure proper handling and security throughout the product's lifecycle. 
The documentation provided with the product version shall include:		
  - All user and system accounts in the product version with a recommendation to change at least the access credentials.
  - Description of all ports, services, and software needed to support any functionality in the product version, as well as how these ports, services, and software can be configured and, when applicable, how these can be disabled, blocked, or uninstalled.
  - Information on proper configuration and usage of cyber security related functionalities in the product.
  - Specific instructions on how to configure the security controls provided by the product version (e.g., RBAC, security logging, or secure communication), as well as security controls provided in addition to the product (e.g., antivirus, whitelisting, or security monitoring).
  - A recommendation for at least one malware prevention solution to be used during the operation of the product, if such a solution exists. The recommendation shall include the specific version of the malware prevention solution, as well as a description of the performed testing and validation by the supplier.</t>
  </si>
  <si>
    <t>Notwithstanding the foregoing, the supplier shall be fully responsible for all acts and omissions of its sub-suppliers and/or sub-contractors as if they were its own acts or omissions and as if a 3rd-party software-related product which is part of the product was its own product.</t>
  </si>
  <si>
    <t xml:space="preserve">While the supplier’s rights, if any, with regard to collection, processing, and use of data are covered in separate documents, the supplier shall in any case document, and make available to B&amp;R such documentation, any data collection activity performed by the product, detailing which data are collected and the related functionality and/or purpose, as well as if, where, and how these data are stored, used, processed, and transmitted.		</t>
  </si>
  <si>
    <t>The supplier shall ensure that all sub-suppliers and sub-contractors that supply software-related products that are part of the product or provide services related to the development of the product (e.g., secure coding or security tests) comply with the requirements listed in this document or with equivalent requirements to the ones listed in this document.</t>
  </si>
  <si>
    <t>The supplier shall establish, document, and implement a process to react to vulnerabilities and security issues associated with the product version. The process shall follow commonly accepted industry standards and practices.
Where is this published vulnerability handling process to be found?</t>
  </si>
  <si>
    <t>The supplier shall acknowledge the receipt of a vulnerability report submitted by B&amp;R within 2 business days.</t>
  </si>
  <si>
    <t>The supplier shall submit information to B&amp;R on the result of the vulnerability verification for vulnerabilities where B&amp;R is the original finder within a reasonably short timeframe.
  - The supplier shall provide information on the vulnerability validity and severity, the list of potentially affected products and their versions, as available at that time.
  - The supplier shall also provide an estimate regarding the timeframe for the remediation release, as well as possible workarounds while the remediation solution is defined and implemented.</t>
  </si>
  <si>
    <t>The supplier shares/publishes vulnerability remediation and security advisory documents.
  - The supplier shall provide guidance how B&amp;R gets notified about new/updated security advisories
  - The advisory report shall include the description of the vulnerability, information about the remediation and workarounds, the list of affected systems and products, the vulnerability impact (threats, exploits, and severity rating), and related references (e.g., to related vulnerabilities).
  - If the product is included in the build or installation package of any B&amp;R product (e.g., such as libraries or an embedded OS), the supplier shall have a means to release the vulnerability remediation and the advisory report to B&amp;R prior to public disclosure.</t>
  </si>
  <si>
    <r>
      <t>The supplier ensures all components of the product version that could potentially contain exploitable vulnerabilities shall be updateable/patchable. The supplier establishes processes ensuring patches can be directly applied to the product by B&amp;R or B&amp;R’s customers. These processes comply with the requirem</t>
    </r>
    <r>
      <rPr>
        <sz val="9.5"/>
        <color theme="1"/>
        <rFont val="ABBvoice"/>
        <family val="2"/>
      </rPr>
      <t xml:space="preserve">ents of the </t>
    </r>
    <r>
      <rPr>
        <sz val="9.5"/>
        <rFont val="ABBvoice"/>
        <family val="2"/>
      </rPr>
      <t xml:space="preserve">Cyber Resilience Act (CRA) </t>
    </r>
    <r>
      <rPr>
        <sz val="9.5"/>
        <color theme="1"/>
        <rFont val="ABBvoice"/>
        <family val="2"/>
      </rPr>
      <t>and guarantee</t>
    </r>
    <r>
      <rPr>
        <sz val="9.5"/>
        <color theme="1"/>
        <rFont val="ABBvoice"/>
        <family val="2"/>
        <charset val="238"/>
      </rPr>
      <t xml:space="preserve"> the seamless integration and proper handling of security updates.</t>
    </r>
  </si>
  <si>
    <r>
      <t>The supplier shall provide a description of the product lifecycle, which clearly outlines the timelines for patching known exploitable vulnerabilities.
This description must specify bot</t>
    </r>
    <r>
      <rPr>
        <sz val="9.5"/>
        <rFont val="ABBvoice"/>
        <family val="2"/>
      </rPr>
      <t>h the product type and the individual product, identifiable by unique markers such as serial numbers.
Additionally, it must explicitly state the end of the support period, in accordance with the Cyber Resilience Act (CRA), including a clear</t>
    </r>
    <r>
      <rPr>
        <sz val="9.5"/>
        <color theme="1"/>
        <rFont val="ABBvoice"/>
        <family val="2"/>
        <charset val="238"/>
      </rPr>
      <t>ly defined date.</t>
    </r>
  </si>
  <si>
    <t>Product User Documentation</t>
  </si>
  <si>
    <t xml:space="preserve">The supplier shall establish, document, and implement a strategy and process to deal with 3rd-party software security updates and patches relevant to the product.			
The strategy and process for 3rd-party software shall at least include:
  - Monitoring for security updates and patches to all relevant 3rd-party software (e.g. by using the SBOM).	
  - Execution of the supplier's vulnerability handling process for security updates and patches deemed applicable and where the patch or update addresses vulnerabilities or security issues.		
  - Communication to B&amp;R on non-exploitable known vulnerabilities and reasoning within product context
</t>
  </si>
  <si>
    <t>Supplier statement for product version</t>
  </si>
  <si>
    <t>The supplier ensures a product version specific SBOM (Software-bill of Materials) is available.
The supplier is using the SBOM as a basis for security issue handling</t>
  </si>
  <si>
    <t>To which legislative requirements, such as the EU Cyber Resilience Act (CRA), Machine regulation, Radio Equipment Directive (RED), or GB40050 will the product need to comply?</t>
  </si>
  <si>
    <t>When will compliance to legislative requirements, such as the EU Cyber Resilience Act (CRA), Machine regulation, Radio Equipment Directive (RED), or GB40050 be reached?</t>
  </si>
  <si>
    <t>B&amp;R Statement</t>
  </si>
  <si>
    <t>Representatives</t>
  </si>
  <si>
    <t>Please state name and contact information for both, supplier and B&amp;R representatives</t>
  </si>
  <si>
    <r>
      <rPr>
        <b/>
        <sz val="9.5"/>
        <color theme="1"/>
        <rFont val="ABBvoice"/>
        <family val="2"/>
      </rPr>
      <t xml:space="preserve">This supplier evaluation is intended for a specific hard- and/or software product.
Supplier statement column for hard- and/or software products under evaluation
</t>
    </r>
    <r>
      <rPr>
        <sz val="9.5"/>
        <color theme="1"/>
        <rFont val="ABBvoice"/>
        <family val="2"/>
      </rPr>
      <t xml:space="preserve">  - Where possible name your audited industry recognized standards, how the product and its development comply with a requirement
</t>
    </r>
    <r>
      <rPr>
        <sz val="9.5"/>
        <color theme="1"/>
        <rFont val="ABBvoice"/>
        <family val="2"/>
        <charset val="238"/>
      </rPr>
      <t xml:space="preserve">  - We're asking you to provide specific responses for each requirement, supporting an assessment and minimizing communication loops
  - Include relevant information to demonstrate compliance by providing a brief implementation description  or explain any deviations or reasons for non-applicability.
</t>
    </r>
    <r>
      <rPr>
        <sz val="9.5"/>
        <color theme="1"/>
        <rFont val="ABBvoice"/>
        <family val="2"/>
      </rPr>
      <t xml:space="preserve">  - </t>
    </r>
    <r>
      <rPr>
        <sz val="9.5"/>
        <color theme="1"/>
        <rFont val="ABBvoice"/>
        <family val="2"/>
        <charset val="238"/>
      </rPr>
      <t>Where applicable, reference supporting documentation or evidence to substantiate your responses. This may include specifications, certifications, test reports, or relevant policie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4">
    <numFmt numFmtId="164" formatCode="_(&quot;$&quot;* #,##0_);_(&quot;$&quot;* \(#,##0\);_(&quot;$&quot;* &quot;-&quot;_);_(@_)"/>
    <numFmt numFmtId="165" formatCode="_(* #,##0_);_(* \(#,##0\);_(* &quot;-&quot;_);_(@_)"/>
    <numFmt numFmtId="166" formatCode="_(&quot;$&quot;* #,##0.00_);_(&quot;$&quot;* \(#,##0.00\);_(&quot;$&quot;* &quot;-&quot;??_);_(@_)"/>
    <numFmt numFmtId="167" formatCode="_(* #,##0.00_);_(* \(#,##0.00\);_(* &quot;-&quot;??_);_(@_)"/>
  </numFmts>
  <fonts count="29" x14ac:knownFonts="1">
    <font>
      <sz val="9.5"/>
      <color theme="1"/>
      <name val="ABBvoice"/>
      <family val="2"/>
      <charset val="238"/>
    </font>
    <font>
      <sz val="11"/>
      <color theme="1"/>
      <name val="ABBvoice"/>
      <family val="2"/>
      <scheme val="minor"/>
    </font>
    <font>
      <sz val="6"/>
      <color theme="1"/>
      <name val="ABBvoice"/>
      <family val="2"/>
      <charset val="238"/>
    </font>
    <font>
      <sz val="8"/>
      <color theme="1"/>
      <name val="ABBvoice"/>
      <family val="2"/>
      <charset val="238"/>
    </font>
    <font>
      <b/>
      <sz val="8"/>
      <color theme="1"/>
      <name val="ABBvoice"/>
      <family val="2"/>
      <charset val="238"/>
    </font>
    <font>
      <sz val="9.5"/>
      <color theme="1"/>
      <name val="ABBvoice"/>
      <family val="2"/>
      <charset val="238"/>
    </font>
    <font>
      <sz val="11"/>
      <color theme="1"/>
      <name val="ABBvoice"/>
      <family val="2"/>
      <scheme val="minor"/>
    </font>
    <font>
      <sz val="18"/>
      <color theme="3"/>
      <name val="ABBvoice Medium"/>
      <family val="2"/>
      <scheme val="major"/>
    </font>
    <font>
      <b/>
      <sz val="15"/>
      <color theme="3"/>
      <name val="ABBvoice"/>
      <family val="2"/>
      <scheme val="minor"/>
    </font>
    <font>
      <b/>
      <sz val="13"/>
      <color theme="3"/>
      <name val="ABBvoice"/>
      <family val="2"/>
      <scheme val="minor"/>
    </font>
    <font>
      <b/>
      <sz val="11"/>
      <color theme="3"/>
      <name val="ABBvoice"/>
      <family val="2"/>
      <scheme val="minor"/>
    </font>
    <font>
      <sz val="11"/>
      <color rgb="FF006100"/>
      <name val="ABBvoice"/>
      <family val="2"/>
      <scheme val="minor"/>
    </font>
    <font>
      <sz val="11"/>
      <color rgb="FF9C0006"/>
      <name val="ABBvoice"/>
      <family val="2"/>
      <scheme val="minor"/>
    </font>
    <font>
      <sz val="11"/>
      <color rgb="FF9C5700"/>
      <name val="ABBvoice"/>
      <family val="2"/>
      <scheme val="minor"/>
    </font>
    <font>
      <sz val="11"/>
      <color rgb="FF3F3F76"/>
      <name val="ABBvoice"/>
      <family val="2"/>
      <scheme val="minor"/>
    </font>
    <font>
      <b/>
      <sz val="11"/>
      <color rgb="FF3F3F3F"/>
      <name val="ABBvoice"/>
      <family val="2"/>
      <scheme val="minor"/>
    </font>
    <font>
      <b/>
      <sz val="11"/>
      <color rgb="FFFA7D00"/>
      <name val="ABBvoice"/>
      <family val="2"/>
      <scheme val="minor"/>
    </font>
    <font>
      <sz val="11"/>
      <color rgb="FFFA7D00"/>
      <name val="ABBvoice"/>
      <family val="2"/>
      <scheme val="minor"/>
    </font>
    <font>
      <b/>
      <sz val="11"/>
      <color theme="0"/>
      <name val="ABBvoice"/>
      <family val="2"/>
      <scheme val="minor"/>
    </font>
    <font>
      <sz val="11"/>
      <color rgb="FFFF0000"/>
      <name val="ABBvoice"/>
      <family val="2"/>
      <scheme val="minor"/>
    </font>
    <font>
      <i/>
      <sz val="11"/>
      <color rgb="FF7F7F7F"/>
      <name val="ABBvoice"/>
      <family val="2"/>
      <scheme val="minor"/>
    </font>
    <font>
      <b/>
      <sz val="11"/>
      <color theme="1"/>
      <name val="ABBvoice"/>
      <family val="2"/>
      <scheme val="minor"/>
    </font>
    <font>
      <sz val="11"/>
      <color theme="0"/>
      <name val="ABBvoice"/>
      <family val="2"/>
      <scheme val="minor"/>
    </font>
    <font>
      <sz val="11"/>
      <color rgb="FF000000"/>
      <name val="Calibri"/>
      <family val="2"/>
      <charset val="1"/>
    </font>
    <font>
      <b/>
      <sz val="10"/>
      <color theme="1"/>
      <name val="ABBvoice"/>
      <family val="2"/>
    </font>
    <font>
      <b/>
      <sz val="9.5"/>
      <color theme="1"/>
      <name val="ABBvoice"/>
      <family val="2"/>
    </font>
    <font>
      <sz val="9.5"/>
      <color theme="1"/>
      <name val="ABBvoice"/>
      <family val="2"/>
    </font>
    <font>
      <sz val="9.5"/>
      <name val="ABBvoice"/>
      <family val="2"/>
    </font>
    <font>
      <sz val="8"/>
      <name val="ABBvoice"/>
      <family val="2"/>
      <charset val="238"/>
    </font>
  </fonts>
  <fills count="34">
    <fill>
      <patternFill patternType="none"/>
    </fill>
    <fill>
      <patternFill patternType="gray125"/>
    </fill>
    <fill>
      <patternFill patternType="solid">
        <fgColor rgb="FFC6EFCE"/>
      </patternFill>
    </fill>
    <fill>
      <patternFill patternType="solid">
        <fgColor rgb="FFFFC7CE"/>
      </patternFill>
    </fill>
    <fill>
      <patternFill patternType="solid">
        <fgColor rgb="FFFFEB9C"/>
      </patternFill>
    </fill>
    <fill>
      <patternFill patternType="solid">
        <fgColor rgb="FFFFCC99"/>
      </patternFill>
    </fill>
    <fill>
      <patternFill patternType="solid">
        <fgColor rgb="FFF2F2F2"/>
      </patternFill>
    </fill>
    <fill>
      <patternFill patternType="solid">
        <fgColor rgb="FFA5A5A5"/>
      </patternFill>
    </fill>
    <fill>
      <patternFill patternType="solid">
        <fgColor rgb="FFFFFFCC"/>
      </patternFill>
    </fill>
    <fill>
      <patternFill patternType="solid">
        <fgColor theme="4"/>
      </patternFill>
    </fill>
    <fill>
      <patternFill patternType="solid">
        <fgColor theme="4" tint="0.79998168889431442"/>
        <bgColor indexed="65"/>
      </patternFill>
    </fill>
    <fill>
      <patternFill patternType="solid">
        <fgColor theme="4" tint="0.59999389629810485"/>
        <bgColor indexed="65"/>
      </patternFill>
    </fill>
    <fill>
      <patternFill patternType="solid">
        <fgColor theme="4" tint="0.39997558519241921"/>
        <bgColor indexed="65"/>
      </patternFill>
    </fill>
    <fill>
      <patternFill patternType="solid">
        <fgColor theme="5"/>
      </patternFill>
    </fill>
    <fill>
      <patternFill patternType="solid">
        <fgColor theme="5" tint="0.79998168889431442"/>
        <bgColor indexed="65"/>
      </patternFill>
    </fill>
    <fill>
      <patternFill patternType="solid">
        <fgColor theme="5" tint="0.59999389629810485"/>
        <bgColor indexed="65"/>
      </patternFill>
    </fill>
    <fill>
      <patternFill patternType="solid">
        <fgColor theme="5" tint="0.39997558519241921"/>
        <bgColor indexed="65"/>
      </patternFill>
    </fill>
    <fill>
      <patternFill patternType="solid">
        <fgColor theme="6"/>
      </patternFill>
    </fill>
    <fill>
      <patternFill patternType="solid">
        <fgColor theme="6" tint="0.79998168889431442"/>
        <bgColor indexed="65"/>
      </patternFill>
    </fill>
    <fill>
      <patternFill patternType="solid">
        <fgColor theme="6" tint="0.59999389629810485"/>
        <bgColor indexed="65"/>
      </patternFill>
    </fill>
    <fill>
      <patternFill patternType="solid">
        <fgColor theme="6" tint="0.39997558519241921"/>
        <bgColor indexed="65"/>
      </patternFill>
    </fill>
    <fill>
      <patternFill patternType="solid">
        <fgColor theme="7"/>
      </patternFill>
    </fill>
    <fill>
      <patternFill patternType="solid">
        <fgColor theme="7" tint="0.79998168889431442"/>
        <bgColor indexed="65"/>
      </patternFill>
    </fill>
    <fill>
      <patternFill patternType="solid">
        <fgColor theme="7" tint="0.59999389629810485"/>
        <bgColor indexed="65"/>
      </patternFill>
    </fill>
    <fill>
      <patternFill patternType="solid">
        <fgColor theme="7" tint="0.39997558519241921"/>
        <bgColor indexed="65"/>
      </patternFill>
    </fill>
    <fill>
      <patternFill patternType="solid">
        <fgColor theme="8"/>
      </patternFill>
    </fill>
    <fill>
      <patternFill patternType="solid">
        <fgColor theme="8" tint="0.79998168889431442"/>
        <bgColor indexed="65"/>
      </patternFill>
    </fill>
    <fill>
      <patternFill patternType="solid">
        <fgColor theme="8" tint="0.59999389629810485"/>
        <bgColor indexed="65"/>
      </patternFill>
    </fill>
    <fill>
      <patternFill patternType="solid">
        <fgColor theme="8" tint="0.39997558519241921"/>
        <bgColor indexed="65"/>
      </patternFill>
    </fill>
    <fill>
      <patternFill patternType="solid">
        <fgColor theme="9"/>
      </patternFill>
    </fill>
    <fill>
      <patternFill patternType="solid">
        <fgColor theme="9" tint="0.79998168889431442"/>
        <bgColor indexed="65"/>
      </patternFill>
    </fill>
    <fill>
      <patternFill patternType="solid">
        <fgColor theme="9" tint="0.59999389629810485"/>
        <bgColor indexed="65"/>
      </patternFill>
    </fill>
    <fill>
      <patternFill patternType="solid">
        <fgColor theme="9" tint="0.39997558519241921"/>
        <bgColor indexed="65"/>
      </patternFill>
    </fill>
    <fill>
      <patternFill patternType="solid">
        <fgColor rgb="FFFF8800"/>
        <bgColor indexed="64"/>
      </patternFill>
    </fill>
  </fills>
  <borders count="21">
    <border>
      <left/>
      <right/>
      <top/>
      <bottom/>
      <diagonal/>
    </border>
    <border>
      <left/>
      <right/>
      <top/>
      <bottom style="thin">
        <color rgb="FFA9A9A9"/>
      </bottom>
      <diagonal/>
    </border>
    <border>
      <left/>
      <right/>
      <top style="medium">
        <color indexed="64"/>
      </top>
      <bottom style="thin">
        <color indexed="64"/>
      </bottom>
      <diagonal/>
    </border>
    <border>
      <left/>
      <right/>
      <top style="thin">
        <color rgb="FFA9A9A9"/>
      </top>
      <bottom style="thin">
        <color indexed="64"/>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right/>
      <top/>
      <bottom style="double">
        <color rgb="FFFF8001"/>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style="thin">
        <color theme="4"/>
      </top>
      <bottom style="double">
        <color theme="4"/>
      </bottom>
      <diagonal/>
    </border>
    <border>
      <left style="thin">
        <color theme="5"/>
      </left>
      <right style="thin">
        <color theme="5"/>
      </right>
      <top style="thin">
        <color theme="5"/>
      </top>
      <bottom style="thin">
        <color theme="5"/>
      </bottom>
      <diagonal/>
    </border>
    <border>
      <left style="thin">
        <color theme="5"/>
      </left>
      <right/>
      <top style="thin">
        <color theme="5"/>
      </top>
      <bottom style="thin">
        <color theme="5"/>
      </bottom>
      <diagonal/>
    </border>
    <border>
      <left/>
      <right style="thin">
        <color theme="5"/>
      </right>
      <top style="thin">
        <color theme="5"/>
      </top>
      <bottom style="thin">
        <color theme="5"/>
      </bottom>
      <diagonal/>
    </border>
    <border>
      <left/>
      <right style="thin">
        <color indexed="64"/>
      </right>
      <top/>
      <bottom style="thin">
        <color indexed="64"/>
      </bottom>
      <diagonal/>
    </border>
    <border>
      <left/>
      <right/>
      <top/>
      <bottom style="thin">
        <color auto="1"/>
      </bottom>
      <diagonal/>
    </border>
    <border>
      <left style="thin">
        <color indexed="64"/>
      </left>
      <right/>
      <top/>
      <bottom style="thin">
        <color indexed="64"/>
      </bottom>
      <diagonal/>
    </border>
    <border>
      <left style="thin">
        <color theme="5"/>
      </left>
      <right/>
      <top/>
      <bottom/>
      <diagonal/>
    </border>
    <border>
      <left/>
      <right/>
      <top style="thin">
        <color theme="5"/>
      </top>
      <bottom style="thin">
        <color theme="5"/>
      </bottom>
      <diagonal/>
    </border>
  </borders>
  <cellStyleXfs count="56">
    <xf numFmtId="0" fontId="0" fillId="0" borderId="0"/>
    <xf numFmtId="167" fontId="6" fillId="0" borderId="0" applyFont="0" applyFill="0" applyBorder="0" applyAlignment="0" applyProtection="0"/>
    <xf numFmtId="165" fontId="6" fillId="0" borderId="0" applyFont="0" applyFill="0" applyBorder="0" applyAlignment="0" applyProtection="0"/>
    <xf numFmtId="166" fontId="6" fillId="0" borderId="0" applyFont="0" applyFill="0" applyBorder="0" applyAlignment="0" applyProtection="0"/>
    <xf numFmtId="164" fontId="6" fillId="0" borderId="0" applyFont="0" applyFill="0" applyBorder="0" applyAlignment="0" applyProtection="0"/>
    <xf numFmtId="9" fontId="6" fillId="0" borderId="0" applyFont="0" applyFill="0" applyBorder="0" applyAlignment="0" applyProtection="0"/>
    <xf numFmtId="0" fontId="7" fillId="0" borderId="0" applyNumberFormat="0" applyFill="0" applyBorder="0" applyAlignment="0" applyProtection="0"/>
    <xf numFmtId="0" fontId="8" fillId="0" borderId="4" applyNumberFormat="0" applyFill="0" applyAlignment="0" applyProtection="0"/>
    <xf numFmtId="0" fontId="9" fillId="0" borderId="5" applyNumberFormat="0" applyFill="0" applyAlignment="0" applyProtection="0"/>
    <xf numFmtId="0" fontId="10" fillId="0" borderId="6" applyNumberFormat="0" applyFill="0" applyAlignment="0" applyProtection="0"/>
    <xf numFmtId="0" fontId="10" fillId="0" borderId="0" applyNumberFormat="0" applyFill="0" applyBorder="0" applyAlignment="0" applyProtection="0"/>
    <xf numFmtId="0" fontId="11" fillId="2" borderId="0" applyNumberFormat="0" applyBorder="0" applyAlignment="0" applyProtection="0"/>
    <xf numFmtId="0" fontId="12" fillId="3" borderId="0" applyNumberFormat="0" applyBorder="0" applyAlignment="0" applyProtection="0"/>
    <xf numFmtId="0" fontId="13" fillId="4" borderId="0" applyNumberFormat="0" applyBorder="0" applyAlignment="0" applyProtection="0"/>
    <xf numFmtId="0" fontId="14" fillId="5" borderId="7" applyNumberFormat="0" applyAlignment="0" applyProtection="0"/>
    <xf numFmtId="0" fontId="15" fillId="6" borderId="8" applyNumberFormat="0" applyAlignment="0" applyProtection="0"/>
    <xf numFmtId="0" fontId="16" fillId="6" borderId="7" applyNumberFormat="0" applyAlignment="0" applyProtection="0"/>
    <xf numFmtId="0" fontId="17" fillId="0" borderId="9" applyNumberFormat="0" applyFill="0" applyAlignment="0" applyProtection="0"/>
    <xf numFmtId="0" fontId="18" fillId="7" borderId="10" applyNumberFormat="0" applyAlignment="0" applyProtection="0"/>
    <xf numFmtId="0" fontId="19" fillId="0" borderId="0" applyNumberFormat="0" applyFill="0" applyBorder="0" applyAlignment="0" applyProtection="0"/>
    <xf numFmtId="0" fontId="6" fillId="8" borderId="11" applyNumberFormat="0" applyFont="0" applyAlignment="0" applyProtection="0"/>
    <xf numFmtId="0" fontId="20" fillId="0" borderId="0" applyNumberFormat="0" applyFill="0" applyBorder="0" applyAlignment="0" applyProtection="0"/>
    <xf numFmtId="0" fontId="21" fillId="0" borderId="12" applyNumberFormat="0" applyFill="0" applyAlignment="0" applyProtection="0"/>
    <xf numFmtId="0" fontId="22" fillId="9" borderId="0" applyNumberFormat="0" applyBorder="0" applyAlignment="0" applyProtection="0"/>
    <xf numFmtId="0" fontId="6" fillId="10" borderId="0" applyNumberFormat="0" applyBorder="0" applyAlignment="0" applyProtection="0"/>
    <xf numFmtId="0" fontId="6" fillId="11" borderId="0" applyNumberFormat="0" applyBorder="0" applyAlignment="0" applyProtection="0"/>
    <xf numFmtId="0" fontId="6" fillId="12" borderId="0" applyNumberFormat="0" applyBorder="0" applyAlignment="0" applyProtection="0"/>
    <xf numFmtId="0" fontId="22" fillId="13" borderId="0" applyNumberFormat="0" applyBorder="0" applyAlignment="0" applyProtection="0"/>
    <xf numFmtId="0" fontId="6" fillId="14" borderId="0" applyNumberFormat="0" applyBorder="0" applyAlignment="0" applyProtection="0"/>
    <xf numFmtId="0" fontId="6" fillId="15" borderId="0" applyNumberFormat="0" applyBorder="0" applyAlignment="0" applyProtection="0"/>
    <xf numFmtId="0" fontId="6" fillId="16" borderId="0" applyNumberFormat="0" applyBorder="0" applyAlignment="0" applyProtection="0"/>
    <xf numFmtId="0" fontId="22" fillId="17" borderId="0" applyNumberFormat="0" applyBorder="0" applyAlignment="0" applyProtection="0"/>
    <xf numFmtId="0" fontId="6" fillId="18" borderId="0" applyNumberFormat="0" applyBorder="0" applyAlignment="0" applyProtection="0"/>
    <xf numFmtId="0" fontId="6" fillId="19" borderId="0" applyNumberFormat="0" applyBorder="0" applyAlignment="0" applyProtection="0"/>
    <xf numFmtId="0" fontId="6" fillId="20" borderId="0" applyNumberFormat="0" applyBorder="0" applyAlignment="0" applyProtection="0"/>
    <xf numFmtId="0" fontId="22" fillId="21" borderId="0" applyNumberFormat="0" applyBorder="0" applyAlignment="0" applyProtection="0"/>
    <xf numFmtId="0" fontId="6" fillId="22" borderId="0" applyNumberFormat="0" applyBorder="0" applyAlignment="0" applyProtection="0"/>
    <xf numFmtId="0" fontId="6" fillId="23" borderId="0" applyNumberFormat="0" applyBorder="0" applyAlignment="0" applyProtection="0"/>
    <xf numFmtId="0" fontId="6" fillId="24" borderId="0" applyNumberFormat="0" applyBorder="0" applyAlignment="0" applyProtection="0"/>
    <xf numFmtId="0" fontId="22" fillId="25" borderId="0" applyNumberFormat="0" applyBorder="0" applyAlignment="0" applyProtection="0"/>
    <xf numFmtId="0" fontId="6" fillId="26" borderId="0" applyNumberFormat="0" applyBorder="0" applyAlignment="0" applyProtection="0"/>
    <xf numFmtId="0" fontId="6" fillId="27" borderId="0" applyNumberFormat="0" applyBorder="0" applyAlignment="0" applyProtection="0"/>
    <xf numFmtId="0" fontId="6" fillId="28" borderId="0" applyNumberFormat="0" applyBorder="0" applyAlignment="0" applyProtection="0"/>
    <xf numFmtId="0" fontId="22" fillId="29" borderId="0" applyNumberFormat="0" applyBorder="0" applyAlignment="0" applyProtection="0"/>
    <xf numFmtId="0" fontId="6" fillId="30" borderId="0" applyNumberFormat="0" applyBorder="0" applyAlignment="0" applyProtection="0"/>
    <xf numFmtId="0" fontId="6" fillId="31" borderId="0" applyNumberFormat="0" applyBorder="0" applyAlignment="0" applyProtection="0"/>
    <xf numFmtId="0" fontId="6" fillId="32" borderId="0" applyNumberFormat="0" applyBorder="0" applyAlignment="0" applyProtection="0"/>
    <xf numFmtId="0" fontId="2" fillId="0" borderId="0" applyBorder="0">
      <alignment vertical="top"/>
    </xf>
    <xf numFmtId="14" fontId="5" fillId="0" borderId="1" applyNumberFormat="0" applyBorder="0">
      <alignment vertical="center"/>
    </xf>
    <xf numFmtId="0" fontId="4" fillId="0" borderId="2">
      <alignment vertical="center"/>
    </xf>
    <xf numFmtId="0" fontId="3" fillId="0" borderId="1">
      <alignment vertical="top" wrapText="1"/>
    </xf>
    <xf numFmtId="0" fontId="3" fillId="0" borderId="3">
      <alignment vertical="top" wrapText="1"/>
    </xf>
    <xf numFmtId="0" fontId="3" fillId="0" borderId="3" applyBorder="0">
      <alignment vertical="center"/>
    </xf>
    <xf numFmtId="0" fontId="23" fillId="0" borderId="0"/>
    <xf numFmtId="0" fontId="1" fillId="0" borderId="0"/>
    <xf numFmtId="0" fontId="1" fillId="0" borderId="0"/>
  </cellStyleXfs>
  <cellXfs count="35">
    <xf numFmtId="0" fontId="0" fillId="0" borderId="0" xfId="0"/>
    <xf numFmtId="49" fontId="0" fillId="0" borderId="0" xfId="0" applyNumberFormat="1" applyAlignment="1">
      <alignment wrapText="1"/>
    </xf>
    <xf numFmtId="0" fontId="0" fillId="0" borderId="0" xfId="0" applyAlignment="1">
      <alignment horizontal="center" vertical="center"/>
    </xf>
    <xf numFmtId="49" fontId="0" fillId="0" borderId="0" xfId="0" applyNumberFormat="1" applyAlignment="1">
      <alignment horizontal="left" vertical="center" wrapText="1"/>
    </xf>
    <xf numFmtId="0" fontId="24" fillId="0" borderId="0" xfId="0" applyFont="1"/>
    <xf numFmtId="0" fontId="0" fillId="0" borderId="13" xfId="0" applyBorder="1" applyAlignment="1">
      <alignment horizontal="left" vertical="center"/>
    </xf>
    <xf numFmtId="14" fontId="0" fillId="0" borderId="13" xfId="0" applyNumberFormat="1" applyBorder="1" applyAlignment="1">
      <alignment horizontal="left" vertical="center"/>
    </xf>
    <xf numFmtId="49" fontId="0" fillId="0" borderId="0" xfId="0" applyNumberFormat="1" applyAlignment="1">
      <alignment horizontal="left" wrapText="1"/>
    </xf>
    <xf numFmtId="0" fontId="0" fillId="0" borderId="0" xfId="0" applyAlignment="1">
      <alignment horizontal="left" vertical="center" wrapText="1"/>
    </xf>
    <xf numFmtId="0" fontId="0" fillId="0" borderId="19" xfId="0" applyBorder="1" applyAlignment="1">
      <alignment horizontal="left" vertical="center"/>
    </xf>
    <xf numFmtId="14" fontId="0" fillId="0" borderId="19" xfId="0" applyNumberFormat="1" applyBorder="1" applyAlignment="1">
      <alignment horizontal="left" vertical="center"/>
    </xf>
    <xf numFmtId="0" fontId="25" fillId="0" borderId="0" xfId="0" applyFont="1" applyAlignment="1">
      <alignment vertical="center"/>
    </xf>
    <xf numFmtId="49" fontId="24" fillId="33" borderId="16" xfId="0" applyNumberFormat="1" applyFont="1" applyFill="1" applyBorder="1" applyAlignment="1">
      <alignment horizontal="left" vertical="center" wrapText="1"/>
    </xf>
    <xf numFmtId="49" fontId="24" fillId="33" borderId="17" xfId="0" applyNumberFormat="1" applyFont="1" applyFill="1" applyBorder="1" applyAlignment="1">
      <alignment horizontal="left" vertical="center" wrapText="1"/>
    </xf>
    <xf numFmtId="49" fontId="24" fillId="33" borderId="18" xfId="0" applyNumberFormat="1" applyFont="1" applyFill="1" applyBorder="1" applyAlignment="1">
      <alignment horizontal="left" vertical="center" wrapText="1"/>
    </xf>
    <xf numFmtId="49" fontId="0" fillId="0" borderId="0" xfId="0" applyNumberFormat="1" applyAlignment="1">
      <alignment horizontal="left" vertical="center"/>
    </xf>
    <xf numFmtId="0" fontId="0" fillId="0" borderId="0" xfId="0" applyAlignment="1">
      <alignment horizontal="left" vertical="center"/>
    </xf>
    <xf numFmtId="0" fontId="0" fillId="0" borderId="0" xfId="0" applyAlignment="1" applyProtection="1">
      <alignment horizontal="left" vertical="center" wrapText="1"/>
      <protection locked="0"/>
    </xf>
    <xf numFmtId="0" fontId="0" fillId="0" borderId="14" xfId="0" applyBorder="1" applyAlignment="1">
      <alignment horizontal="left" vertical="center" wrapText="1"/>
    </xf>
    <xf numFmtId="0" fontId="0" fillId="0" borderId="15" xfId="0" applyBorder="1" applyAlignment="1">
      <alignment horizontal="left" vertical="center" wrapText="1"/>
    </xf>
    <xf numFmtId="0" fontId="25" fillId="33" borderId="14" xfId="0" applyFont="1" applyFill="1" applyBorder="1" applyAlignment="1">
      <alignment horizontal="left" vertical="center"/>
    </xf>
    <xf numFmtId="0" fontId="25" fillId="33" borderId="15" xfId="0" applyFont="1" applyFill="1" applyBorder="1" applyAlignment="1">
      <alignment horizontal="left" vertical="center"/>
    </xf>
    <xf numFmtId="0" fontId="25" fillId="33" borderId="20" xfId="0" applyFont="1" applyFill="1" applyBorder="1" applyAlignment="1">
      <alignment horizontal="left" vertical="center"/>
    </xf>
    <xf numFmtId="0" fontId="26" fillId="0" borderId="14" xfId="0" applyFont="1" applyBorder="1" applyAlignment="1">
      <alignment horizontal="left" vertical="center" wrapText="1"/>
    </xf>
    <xf numFmtId="0" fontId="26" fillId="0" borderId="20" xfId="0" applyFont="1" applyBorder="1" applyAlignment="1">
      <alignment horizontal="left" vertical="center" wrapText="1"/>
    </xf>
    <xf numFmtId="0" fontId="0" fillId="0" borderId="14" xfId="0" applyBorder="1" applyAlignment="1">
      <alignment vertical="center" wrapText="1"/>
    </xf>
    <xf numFmtId="0" fontId="0" fillId="0" borderId="20" xfId="0" applyBorder="1" applyAlignment="1">
      <alignment vertical="center" wrapText="1"/>
    </xf>
    <xf numFmtId="0" fontId="0" fillId="0" borderId="15" xfId="0" applyBorder="1" applyAlignment="1">
      <alignment vertical="center" wrapText="1"/>
    </xf>
    <xf numFmtId="0" fontId="25" fillId="33" borderId="14" xfId="0" applyFont="1" applyFill="1" applyBorder="1" applyAlignment="1">
      <alignment vertical="center"/>
    </xf>
    <xf numFmtId="0" fontId="25" fillId="33" borderId="20" xfId="0" applyFont="1" applyFill="1" applyBorder="1" applyAlignment="1">
      <alignment vertical="center"/>
    </xf>
    <xf numFmtId="0" fontId="25" fillId="33" borderId="15" xfId="0" applyFont="1" applyFill="1" applyBorder="1" applyAlignment="1">
      <alignment vertical="center"/>
    </xf>
    <xf numFmtId="0" fontId="24" fillId="33" borderId="17" xfId="0" applyFont="1" applyFill="1" applyBorder="1" applyAlignment="1" applyProtection="1">
      <alignment horizontal="left" vertical="center" wrapText="1"/>
      <protection locked="0"/>
    </xf>
    <xf numFmtId="0" fontId="0" fillId="0" borderId="0" xfId="0" applyAlignment="1" applyProtection="1">
      <alignment horizontal="left"/>
      <protection locked="0"/>
    </xf>
    <xf numFmtId="49" fontId="0" fillId="0" borderId="0" xfId="0" applyNumberFormat="1" applyAlignment="1" applyProtection="1">
      <alignment horizontal="left" vertical="center"/>
      <protection locked="0"/>
    </xf>
    <xf numFmtId="49" fontId="0" fillId="0" borderId="0" xfId="0" applyNumberFormat="1" applyAlignment="1" applyProtection="1">
      <alignment horizontal="left" vertical="center" wrapText="1"/>
      <protection locked="0"/>
    </xf>
  </cellXfs>
  <cellStyles count="56">
    <cellStyle name="_Meta Data Content" xfId="48" xr:uid="{C40E1D37-404B-45A0-B820-FEB526A4F37A}"/>
    <cellStyle name="_Meta Data Copyright" xfId="52" xr:uid="{91CEAD18-29F0-4A90-9F29-93C506258202}"/>
    <cellStyle name="_Meta Data Heading" xfId="47" xr:uid="{2486B25D-F5FF-4DAB-819C-FC38D98AF132}"/>
    <cellStyle name="_Revision Table Header" xfId="49" xr:uid="{B930ED5C-8A37-4214-91F8-0D70EBC3D42A}"/>
    <cellStyle name="_Revision Table Last Row" xfId="51" xr:uid="{C86E9122-5F36-44F6-A278-56260A577E06}"/>
    <cellStyle name="_Revision Table Row" xfId="50" xr:uid="{BCB6EAD3-0C23-4F6D-83C7-FCD83AE23C4D}"/>
    <cellStyle name="20 % - Akzent1" xfId="24" builtinId="30" hidden="1"/>
    <cellStyle name="20 % - Akzent2" xfId="28" builtinId="34" hidden="1"/>
    <cellStyle name="20 % - Akzent3" xfId="32" builtinId="38" hidden="1"/>
    <cellStyle name="20 % - Akzent4" xfId="36" builtinId="42" hidden="1"/>
    <cellStyle name="20 % - Akzent5" xfId="40" builtinId="46" hidden="1"/>
    <cellStyle name="20 % - Akzent6" xfId="44" builtinId="50" hidden="1"/>
    <cellStyle name="40 % - Akzent1" xfId="25" builtinId="31" hidden="1"/>
    <cellStyle name="40 % - Akzent2" xfId="29" builtinId="35" hidden="1"/>
    <cellStyle name="40 % - Akzent3" xfId="33" builtinId="39" hidden="1"/>
    <cellStyle name="40 % - Akzent4" xfId="37" builtinId="43" hidden="1"/>
    <cellStyle name="40 % - Akzent5" xfId="41" builtinId="47" hidden="1"/>
    <cellStyle name="40 % - Akzent6" xfId="45" builtinId="51" hidden="1"/>
    <cellStyle name="60 % - Akzent1" xfId="26" builtinId="32" hidden="1"/>
    <cellStyle name="60 % - Akzent2" xfId="30" builtinId="36" hidden="1"/>
    <cellStyle name="60 % - Akzent3" xfId="34" builtinId="40" hidden="1"/>
    <cellStyle name="60 % - Akzent4" xfId="38" builtinId="44" hidden="1"/>
    <cellStyle name="60 % - Akzent5" xfId="42" builtinId="48" hidden="1"/>
    <cellStyle name="60 % - Akzent6" xfId="46" builtinId="52" hidden="1"/>
    <cellStyle name="Akzent1" xfId="23" builtinId="29" hidden="1"/>
    <cellStyle name="Akzent2" xfId="27" builtinId="33" hidden="1"/>
    <cellStyle name="Akzent3" xfId="31" builtinId="37" hidden="1"/>
    <cellStyle name="Akzent4" xfId="35" builtinId="41" hidden="1"/>
    <cellStyle name="Akzent5" xfId="39" builtinId="45" hidden="1"/>
    <cellStyle name="Akzent6" xfId="43" builtinId="49" hidden="1"/>
    <cellStyle name="Ausgabe" xfId="15" builtinId="21" hidden="1"/>
    <cellStyle name="Berechnung" xfId="16" builtinId="22" hidden="1"/>
    <cellStyle name="Dezimal [0]" xfId="2" builtinId="6" hidden="1"/>
    <cellStyle name="Eingabe" xfId="14" builtinId="20" hidden="1"/>
    <cellStyle name="Ergebnis" xfId="22" builtinId="25" hidden="1"/>
    <cellStyle name="Erklärender Text" xfId="21" builtinId="53" hidden="1"/>
    <cellStyle name="Gut" xfId="11" builtinId="26" hidden="1"/>
    <cellStyle name="Komma" xfId="1" builtinId="3" hidden="1"/>
    <cellStyle name="Neutral" xfId="13" builtinId="28" hidden="1"/>
    <cellStyle name="Normal 2" xfId="54" xr:uid="{87A20EDC-1557-459A-8D2E-D18155A27DB9}"/>
    <cellStyle name="Notiz" xfId="20" builtinId="10" hidden="1"/>
    <cellStyle name="Prozent" xfId="5" builtinId="5" hidden="1"/>
    <cellStyle name="Schlecht" xfId="12" builtinId="27" hidden="1"/>
    <cellStyle name="Standard" xfId="0" builtinId="0" customBuiltin="1"/>
    <cellStyle name="Standard 2" xfId="53" xr:uid="{8F5310BE-8D4D-494A-A7E4-8FC42F6C0260}"/>
    <cellStyle name="Standard 2 2" xfId="55" xr:uid="{E5CD1E27-70D1-4B19-AB08-81A649FD2B43}"/>
    <cellStyle name="Überschrift" xfId="6" builtinId="15" hidden="1"/>
    <cellStyle name="Überschrift 1" xfId="7" builtinId="16" hidden="1"/>
    <cellStyle name="Überschrift 2" xfId="8" builtinId="17" hidden="1"/>
    <cellStyle name="Überschrift 3" xfId="9" builtinId="18" hidden="1"/>
    <cellStyle name="Überschrift 4" xfId="10" builtinId="19" hidden="1"/>
    <cellStyle name="Verknüpfte Zelle" xfId="17" builtinId="24" hidden="1"/>
    <cellStyle name="Währung" xfId="3" builtinId="4" hidden="1"/>
    <cellStyle name="Währung [0]" xfId="4" builtinId="7" hidden="1"/>
    <cellStyle name="Warnender Text" xfId="19" builtinId="11" hidden="1"/>
    <cellStyle name="Zelle überprüfen" xfId="18" builtinId="23" hidden="1"/>
  </cellStyles>
  <dxfs count="14">
    <dxf>
      <alignment horizontal="left" textRotation="0" indent="0" justifyLastLine="0" shrinkToFit="0" readingOrder="0"/>
      <protection locked="0" hidden="0"/>
    </dxf>
    <dxf>
      <alignment horizontal="left" vertical="center" textRotation="0" wrapText="1" indent="0" justifyLastLine="0" shrinkToFit="0" readingOrder="0"/>
      <protection locked="0" hidden="0"/>
    </dxf>
    <dxf>
      <alignment horizontal="left" vertical="center" textRotation="0" wrapText="1" indent="0" justifyLastLine="0" shrinkToFit="0" readingOrder="0"/>
    </dxf>
    <dxf>
      <numFmt numFmtId="30" formatCode="@"/>
      <alignment horizontal="left" vertical="center" textRotation="0" wrapText="0" indent="0" justifyLastLine="0" shrinkToFit="0" readingOrder="0"/>
    </dxf>
    <dxf>
      <alignment horizontal="left" vertical="center" textRotation="0" wrapText="1" indent="0" justifyLastLine="0" shrinkToFit="0" readingOrder="0"/>
    </dxf>
    <dxf>
      <border outline="0">
        <left style="thin">
          <color indexed="64"/>
        </left>
        <right style="thin">
          <color indexed="64"/>
        </right>
        <top style="thin">
          <color indexed="64"/>
        </top>
        <bottom style="thin">
          <color indexed="64"/>
        </bottom>
      </border>
    </dxf>
    <dxf>
      <alignment horizontal="left" textRotation="0" indent="0" justifyLastLine="0" shrinkToFit="0" readingOrder="0"/>
    </dxf>
    <dxf>
      <border outline="0">
        <bottom style="thin">
          <color indexed="64"/>
        </bottom>
      </border>
    </dxf>
    <dxf>
      <fill>
        <patternFill patternType="solid">
          <fgColor indexed="64"/>
          <bgColor rgb="FFFF8800"/>
        </patternFill>
      </fill>
      <alignment horizontal="left" vertical="center" textRotation="0" wrapText="1" indent="0" justifyLastLine="0" shrinkToFit="0" readingOrder="0"/>
    </dxf>
    <dxf>
      <font>
        <b/>
        <i val="0"/>
      </font>
    </dxf>
    <dxf>
      <font>
        <b/>
        <i val="0"/>
      </font>
    </dxf>
    <dxf>
      <border>
        <top style="thin">
          <color auto="1"/>
        </top>
      </border>
    </dxf>
    <dxf>
      <font>
        <b/>
        <i val="0"/>
      </font>
      <border>
        <bottom style="thin">
          <color auto="1"/>
        </bottom>
      </border>
    </dxf>
    <dxf>
      <fill>
        <patternFill>
          <bgColor theme="0"/>
        </patternFill>
      </fill>
      <border>
        <top style="medium">
          <color auto="1"/>
        </top>
        <bottom style="thin">
          <color auto="1"/>
        </bottom>
        <horizontal style="thin">
          <color rgb="FFA9A9A9"/>
        </horizontal>
      </border>
    </dxf>
  </dxfs>
  <tableStyles count="1" defaultTableStyle="ABB Table" defaultPivotStyle="PivotStyleLight16">
    <tableStyle name="ABB Table" pivot="0" count="5" xr9:uid="{8E05038B-35BD-4FCB-85F9-65B80D177C34}">
      <tableStyleElement type="wholeTable" dxfId="13"/>
      <tableStyleElement type="headerRow" dxfId="12"/>
      <tableStyleElement type="totalRow" dxfId="11"/>
      <tableStyleElement type="firstColumn" dxfId="10"/>
      <tableStyleElement type="lastColumn" dxfId="9"/>
    </tableStyle>
  </tableStyles>
  <colors>
    <mruColors>
      <color rgb="FFFF8800"/>
      <color rgb="FFA9A9A9"/>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3" Type="http://schemas.openxmlformats.org/officeDocument/2006/relationships/theme" Target="theme/theme1.xml"/><Relationship Id="rId7"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sharedStrings" Target="sharedStrings.xml"/><Relationship Id="rId4" Type="http://schemas.openxmlformats.org/officeDocument/2006/relationships/styles" Target="styles.xml"/></Relationships>
</file>

<file path=xl/drawings/_rels/drawing1.xml.rels><?xml version="1.0" encoding="UTF-8" standalone="yes"?>
<Relationships xmlns="http://schemas.openxmlformats.org/package/2006/relationships"><Relationship Id="rId1" Type="http://schemas.openxmlformats.org/officeDocument/2006/relationships/image" Target="../media/image1.jpg"/></Relationships>
</file>

<file path=xl/drawings/drawing1.xml><?xml version="1.0" encoding="utf-8"?>
<xdr:wsDr xmlns:xdr="http://schemas.openxmlformats.org/drawingml/2006/spreadsheetDrawing" xmlns:a="http://schemas.openxmlformats.org/drawingml/2006/main">
  <xdr:twoCellAnchor editAs="oneCell">
    <xdr:from>
      <xdr:col>2</xdr:col>
      <xdr:colOff>2162176</xdr:colOff>
      <xdr:row>0</xdr:row>
      <xdr:rowOff>28574</xdr:rowOff>
    </xdr:from>
    <xdr:to>
      <xdr:col>2</xdr:col>
      <xdr:colOff>4276726</xdr:colOff>
      <xdr:row>7</xdr:row>
      <xdr:rowOff>144291</xdr:rowOff>
    </xdr:to>
    <xdr:pic>
      <xdr:nvPicPr>
        <xdr:cNvPr id="3" name="Picture 2">
          <a:extLst>
            <a:ext uri="{FF2B5EF4-FFF2-40B4-BE49-F238E27FC236}">
              <a16:creationId xmlns:a16="http://schemas.microsoft.com/office/drawing/2014/main" id="{E64F0048-98D7-BF0F-65FF-EDBA8C1E35AA}"/>
            </a:ext>
          </a:extLst>
        </xdr:cNvPr>
        <xdr:cNvPicPr>
          <a:picLocks noChangeAspect="1"/>
        </xdr:cNvPicPr>
      </xdr:nvPicPr>
      <xdr:blipFill rotWithShape="1">
        <a:blip xmlns:r="http://schemas.openxmlformats.org/officeDocument/2006/relationships" r:embed="rId1">
          <a:extLst>
            <a:ext uri="{28A0092B-C50C-407E-A947-70E740481C1C}">
              <a14:useLocalDpi xmlns:a14="http://schemas.microsoft.com/office/drawing/2010/main" val="0"/>
            </a:ext>
          </a:extLst>
        </a:blip>
        <a:srcRect t="10774"/>
        <a:stretch/>
      </xdr:blipFill>
      <xdr:spPr>
        <a:xfrm>
          <a:off x="9953626" y="28574"/>
          <a:ext cx="2114550" cy="1315867"/>
        </a:xfrm>
        <a:prstGeom prst="rect">
          <a:avLst/>
        </a:prstGeom>
      </xdr:spPr>
    </xdr:pic>
    <xdr:clientData/>
  </xdr:twoCellAnchor>
</xdr:wsDr>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24178C57-C10E-4352-BB36-99329199A83C}" name="SupplierQuestionnaire" displayName="SupplierQuestionnaire" ref="A1:E38" totalsRowShown="0" headerRowDxfId="8" dataDxfId="6" headerRowBorderDxfId="7" tableBorderDxfId="5">
  <autoFilter ref="A1:E38" xr:uid="{24178C57-C10E-4352-BB36-99329199A83C}"/>
  <tableColumns count="5">
    <tableColumn id="1" xr3:uid="{E007B534-32BD-4279-86A9-C6291E2FBCF6}" name="Requirement chapter" dataDxfId="4"/>
    <tableColumn id="2" xr3:uid="{9513C27E-243F-482D-9557-D224C82C493D}" name="Requirement ID" dataDxfId="3"/>
    <tableColumn id="3" xr3:uid="{F4E26091-B60D-45B0-BC22-41995AB4B5C4}" name="Requirement" dataDxfId="2"/>
    <tableColumn id="4" xr3:uid="{F276BF91-B4A5-4298-B248-EB1038448A9D}" name="Supplier statement for product version" dataDxfId="1"/>
    <tableColumn id="5" xr3:uid="{4804676C-ED85-4CB4-B7D4-9C9118564734}" name="B&amp;R Statement" dataDxfId="0"/>
  </tableColumns>
  <tableStyleInfo name="TableStyleMedium4" showFirstColumn="0" showLastColumn="0" showRowStripes="1" showColumnStripes="0"/>
</table>
</file>

<file path=xl/theme/theme1.xml><?xml version="1.0" encoding="utf-8"?>
<a:theme xmlns:a="http://schemas.openxmlformats.org/drawingml/2006/main" name="Office Theme">
  <a:themeElements>
    <a:clrScheme name="ABB">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A9A9A9"/>
      </a:hlink>
      <a:folHlink>
        <a:srgbClr val="6E6E6E"/>
      </a:folHlink>
    </a:clrScheme>
    <a:fontScheme name="ABB">
      <a:majorFont>
        <a:latin typeface="ABBvoice Medium"/>
        <a:ea typeface=""/>
        <a:cs typeface=""/>
      </a:majorFont>
      <a:minorFont>
        <a:latin typeface="ABBvo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2.xml.rels><?xml version="1.0" encoding="UTF-8" standalone="yes"?>
<Relationships xmlns="http://schemas.openxmlformats.org/package/2006/relationships"><Relationship Id="rId2" Type="http://schemas.openxmlformats.org/officeDocument/2006/relationships/table" Target="../tables/table1.xml"/><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17ABFBE-AAE7-421D-B1AD-93A90CB7E3AB}">
  <sheetPr>
    <tabColor theme="6"/>
  </sheetPr>
  <dimension ref="A1:C17"/>
  <sheetViews>
    <sheetView showGridLines="0" tabSelected="1" workbookViewId="0">
      <selection activeCell="B26" sqref="B26"/>
    </sheetView>
  </sheetViews>
  <sheetFormatPr baseColWidth="10" defaultColWidth="8.69921875" defaultRowHeight="13.2" x14ac:dyDescent="0.3"/>
  <cols>
    <col min="1" max="1" width="13.69921875" customWidth="1"/>
    <col min="2" max="2" width="88.5" customWidth="1"/>
    <col min="3" max="3" width="56.69921875" customWidth="1"/>
  </cols>
  <sheetData>
    <row r="1" spans="1:3" x14ac:dyDescent="0.3">
      <c r="A1" s="20" t="s">
        <v>17</v>
      </c>
      <c r="B1" s="21"/>
      <c r="C1" s="11"/>
    </row>
    <row r="2" spans="1:3" x14ac:dyDescent="0.3">
      <c r="A2" s="5" t="s">
        <v>18</v>
      </c>
      <c r="B2" s="5" t="s">
        <v>28</v>
      </c>
      <c r="C2" s="9"/>
    </row>
    <row r="3" spans="1:3" x14ac:dyDescent="0.3">
      <c r="A3" s="5" t="s">
        <v>19</v>
      </c>
      <c r="B3" s="5" t="s">
        <v>32</v>
      </c>
      <c r="C3" s="9"/>
    </row>
    <row r="4" spans="1:3" x14ac:dyDescent="0.3">
      <c r="A4" s="5" t="s">
        <v>20</v>
      </c>
      <c r="B4" s="5" t="s">
        <v>25</v>
      </c>
      <c r="C4" s="9"/>
    </row>
    <row r="5" spans="1:3" x14ac:dyDescent="0.3">
      <c r="A5" s="5" t="s">
        <v>21</v>
      </c>
      <c r="B5" s="5" t="s">
        <v>26</v>
      </c>
      <c r="C5" s="9"/>
    </row>
    <row r="6" spans="1:3" x14ac:dyDescent="0.3">
      <c r="A6" s="5" t="s">
        <v>22</v>
      </c>
      <c r="B6" s="6">
        <v>45805</v>
      </c>
      <c r="C6" s="10"/>
    </row>
    <row r="7" spans="1:3" x14ac:dyDescent="0.3">
      <c r="A7" s="5" t="s">
        <v>23</v>
      </c>
      <c r="B7" s="6">
        <v>45805</v>
      </c>
      <c r="C7" s="10"/>
    </row>
    <row r="8" spans="1:3" x14ac:dyDescent="0.3">
      <c r="A8" s="5" t="s">
        <v>24</v>
      </c>
      <c r="B8" s="5">
        <v>1</v>
      </c>
      <c r="C8" s="9"/>
    </row>
    <row r="10" spans="1:3" x14ac:dyDescent="0.3">
      <c r="A10" s="28" t="s">
        <v>27</v>
      </c>
      <c r="B10" s="29"/>
      <c r="C10" s="30"/>
    </row>
    <row r="11" spans="1:3" ht="80.25" customHeight="1" x14ac:dyDescent="0.3">
      <c r="A11" s="25" t="s">
        <v>33</v>
      </c>
      <c r="B11" s="26"/>
      <c r="C11" s="27"/>
    </row>
    <row r="13" spans="1:3" x14ac:dyDescent="0.3">
      <c r="A13" s="20" t="s">
        <v>29</v>
      </c>
      <c r="B13" s="22"/>
      <c r="C13" s="21"/>
    </row>
    <row r="14" spans="1:3" ht="132" customHeight="1" x14ac:dyDescent="0.3">
      <c r="A14" s="23" t="s">
        <v>110</v>
      </c>
      <c r="B14" s="24"/>
      <c r="C14" s="19"/>
    </row>
    <row r="16" spans="1:3" x14ac:dyDescent="0.3">
      <c r="A16" s="20" t="s">
        <v>30</v>
      </c>
      <c r="B16" s="22"/>
      <c r="C16" s="21"/>
    </row>
    <row r="17" spans="1:3" ht="27" customHeight="1" x14ac:dyDescent="0.3">
      <c r="A17" s="5" t="s">
        <v>31</v>
      </c>
      <c r="B17" s="18" t="s">
        <v>16</v>
      </c>
      <c r="C17" s="19"/>
    </row>
  </sheetData>
  <sheetProtection algorithmName="SHA-512" hashValue="CWtfEeiE5GW6sTu2WwvOV0LwfhpZTGHdEQzgAwfoM6zCJARZZpBz20hfxTHCOP9OGqq8ig8CQ2LgW6pFjjSaFA==" saltValue="uRomU2zlUJs6l+21XEPFMQ==" spinCount="100000" sheet="1" objects="1" scenarios="1"/>
  <mergeCells count="7">
    <mergeCell ref="B17:C17"/>
    <mergeCell ref="A1:B1"/>
    <mergeCell ref="A13:C13"/>
    <mergeCell ref="A14:C14"/>
    <mergeCell ref="A16:C16"/>
    <mergeCell ref="A11:C11"/>
    <mergeCell ref="A10:C10"/>
  </mergeCells>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D4113CF-3DB9-4CCC-A5E4-C4EC9EC1335C}">
  <sheetPr>
    <tabColor rgb="FFFF8800"/>
  </sheetPr>
  <dimension ref="A1:E584"/>
  <sheetViews>
    <sheetView zoomScale="130" zoomScaleNormal="130" workbookViewId="0">
      <selection activeCell="A2" sqref="A2:E2"/>
    </sheetView>
  </sheetViews>
  <sheetFormatPr baseColWidth="10" defaultColWidth="11" defaultRowHeight="13.2" x14ac:dyDescent="0.3"/>
  <cols>
    <col min="1" max="1" width="16.59765625" style="2" bestFit="1" customWidth="1"/>
    <col min="2" max="2" width="15.09765625" style="2" customWidth="1"/>
    <col min="3" max="3" width="93.19921875" style="3" customWidth="1"/>
    <col min="4" max="4" width="87.5" style="1" customWidth="1"/>
    <col min="5" max="5" width="47" customWidth="1"/>
  </cols>
  <sheetData>
    <row r="1" spans="1:5" s="4" customFormat="1" ht="27.6" x14ac:dyDescent="0.3">
      <c r="A1" s="12" t="s">
        <v>69</v>
      </c>
      <c r="B1" s="13" t="s">
        <v>70</v>
      </c>
      <c r="C1" s="12" t="s">
        <v>68</v>
      </c>
      <c r="D1" s="14" t="s">
        <v>103</v>
      </c>
      <c r="E1" s="31" t="s">
        <v>107</v>
      </c>
    </row>
    <row r="2" spans="1:5" x14ac:dyDescent="0.3">
      <c r="A2" s="17" t="s">
        <v>108</v>
      </c>
      <c r="B2" s="33"/>
      <c r="C2" s="34" t="s">
        <v>109</v>
      </c>
      <c r="D2" s="17"/>
      <c r="E2" s="32"/>
    </row>
    <row r="3" spans="1:5" ht="26.4" x14ac:dyDescent="0.3">
      <c r="A3" s="8" t="s">
        <v>10</v>
      </c>
      <c r="B3" s="15" t="s">
        <v>34</v>
      </c>
      <c r="C3" s="8" t="s">
        <v>77</v>
      </c>
      <c r="D3" s="17"/>
      <c r="E3" s="32"/>
    </row>
    <row r="4" spans="1:5" ht="26.4" x14ac:dyDescent="0.3">
      <c r="A4" s="8" t="s">
        <v>10</v>
      </c>
      <c r="B4" s="15" t="s">
        <v>35</v>
      </c>
      <c r="C4" s="8" t="s">
        <v>78</v>
      </c>
      <c r="D4" s="17"/>
      <c r="E4" s="32"/>
    </row>
    <row r="5" spans="1:5" x14ac:dyDescent="0.3">
      <c r="A5" s="8" t="s">
        <v>10</v>
      </c>
      <c r="B5" s="15" t="s">
        <v>36</v>
      </c>
      <c r="C5" s="8" t="s">
        <v>72</v>
      </c>
      <c r="D5" s="17"/>
      <c r="E5" s="32"/>
    </row>
    <row r="6" spans="1:5" ht="26.4" x14ac:dyDescent="0.3">
      <c r="A6" s="8" t="s">
        <v>10</v>
      </c>
      <c r="B6" s="15" t="s">
        <v>73</v>
      </c>
      <c r="C6" s="8" t="s">
        <v>104</v>
      </c>
      <c r="D6" s="17"/>
      <c r="E6" s="32"/>
    </row>
    <row r="7" spans="1:5" ht="26.4" x14ac:dyDescent="0.3">
      <c r="A7" s="8" t="s">
        <v>10</v>
      </c>
      <c r="B7" s="15" t="s">
        <v>74</v>
      </c>
      <c r="C7" s="8" t="s">
        <v>71</v>
      </c>
      <c r="D7" s="17"/>
      <c r="E7" s="32"/>
    </row>
    <row r="8" spans="1:5" ht="72.599999999999994" customHeight="1" x14ac:dyDescent="0.3">
      <c r="A8" s="8" t="s">
        <v>12</v>
      </c>
      <c r="B8" s="15" t="s">
        <v>37</v>
      </c>
      <c r="C8" s="8" t="s">
        <v>11</v>
      </c>
      <c r="D8" s="17" t="s">
        <v>1</v>
      </c>
      <c r="E8" s="32"/>
    </row>
    <row r="9" spans="1:5" ht="39.6" customHeight="1" x14ac:dyDescent="0.3">
      <c r="A9" s="8" t="s">
        <v>12</v>
      </c>
      <c r="B9" s="15" t="s">
        <v>38</v>
      </c>
      <c r="C9" s="8" t="s">
        <v>79</v>
      </c>
      <c r="D9" s="17"/>
      <c r="E9" s="32"/>
    </row>
    <row r="10" spans="1:5" ht="36.6" customHeight="1" x14ac:dyDescent="0.3">
      <c r="A10" s="8" t="s">
        <v>12</v>
      </c>
      <c r="B10" s="15" t="s">
        <v>39</v>
      </c>
      <c r="C10" s="8" t="s">
        <v>80</v>
      </c>
      <c r="D10" s="17"/>
      <c r="E10" s="32"/>
    </row>
    <row r="11" spans="1:5" ht="57.6" customHeight="1" x14ac:dyDescent="0.3">
      <c r="A11" s="8" t="s">
        <v>12</v>
      </c>
      <c r="B11" s="15" t="s">
        <v>41</v>
      </c>
      <c r="C11" s="8" t="s">
        <v>105</v>
      </c>
      <c r="D11" s="17"/>
      <c r="E11" s="32"/>
    </row>
    <row r="12" spans="1:5" ht="57.6" customHeight="1" x14ac:dyDescent="0.3">
      <c r="A12" s="8" t="s">
        <v>12</v>
      </c>
      <c r="B12" s="15" t="s">
        <v>42</v>
      </c>
      <c r="C12" s="8" t="s">
        <v>106</v>
      </c>
      <c r="D12" s="17"/>
      <c r="E12" s="32"/>
    </row>
    <row r="13" spans="1:5" ht="26.4" x14ac:dyDescent="0.3">
      <c r="A13" s="8" t="s">
        <v>4</v>
      </c>
      <c r="B13" s="15" t="s">
        <v>43</v>
      </c>
      <c r="C13" s="8" t="s">
        <v>2</v>
      </c>
      <c r="D13" s="17"/>
      <c r="E13" s="32"/>
    </row>
    <row r="14" spans="1:5" ht="52.8" x14ac:dyDescent="0.3">
      <c r="A14" s="8" t="s">
        <v>4</v>
      </c>
      <c r="B14" s="15" t="s">
        <v>44</v>
      </c>
      <c r="C14" s="8" t="s">
        <v>3</v>
      </c>
      <c r="D14" s="17"/>
      <c r="E14" s="32"/>
    </row>
    <row r="15" spans="1:5" ht="39.6" x14ac:dyDescent="0.3">
      <c r="A15" s="8" t="s">
        <v>4</v>
      </c>
      <c r="B15" s="15" t="s">
        <v>45</v>
      </c>
      <c r="C15" s="8" t="s">
        <v>15</v>
      </c>
      <c r="D15" s="17"/>
      <c r="E15" s="32"/>
    </row>
    <row r="16" spans="1:5" ht="63.6" customHeight="1" x14ac:dyDescent="0.3">
      <c r="A16" s="8" t="s">
        <v>5</v>
      </c>
      <c r="B16" s="15" t="s">
        <v>40</v>
      </c>
      <c r="C16" s="8" t="s">
        <v>81</v>
      </c>
      <c r="D16" s="17"/>
      <c r="E16" s="32"/>
    </row>
    <row r="17" spans="1:5" ht="45.6" customHeight="1" x14ac:dyDescent="0.3">
      <c r="A17" s="8" t="s">
        <v>5</v>
      </c>
      <c r="B17" s="15" t="s">
        <v>48</v>
      </c>
      <c r="C17" s="8" t="s">
        <v>75</v>
      </c>
      <c r="D17" s="17"/>
      <c r="E17" s="32"/>
    </row>
    <row r="18" spans="1:5" ht="39" customHeight="1" x14ac:dyDescent="0.3">
      <c r="A18" s="8" t="s">
        <v>5</v>
      </c>
      <c r="B18" s="15" t="s">
        <v>49</v>
      </c>
      <c r="C18" s="8" t="s">
        <v>76</v>
      </c>
      <c r="D18" s="17"/>
      <c r="E18" s="32"/>
    </row>
    <row r="19" spans="1:5" ht="183.6" customHeight="1" x14ac:dyDescent="0.3">
      <c r="A19" s="8" t="s">
        <v>5</v>
      </c>
      <c r="B19" s="15" t="s">
        <v>46</v>
      </c>
      <c r="C19" s="8" t="s">
        <v>82</v>
      </c>
      <c r="D19" s="17"/>
      <c r="E19" s="32"/>
    </row>
    <row r="20" spans="1:5" ht="82.2" customHeight="1" x14ac:dyDescent="0.3">
      <c r="A20" s="8" t="s">
        <v>5</v>
      </c>
      <c r="B20" s="15" t="s">
        <v>47</v>
      </c>
      <c r="C20" s="8" t="s">
        <v>83</v>
      </c>
      <c r="D20" s="17"/>
      <c r="E20" s="32"/>
    </row>
    <row r="21" spans="1:5" ht="73.95" customHeight="1" x14ac:dyDescent="0.3">
      <c r="A21" s="8" t="s">
        <v>6</v>
      </c>
      <c r="B21" s="15" t="s">
        <v>50</v>
      </c>
      <c r="C21" s="8" t="s">
        <v>84</v>
      </c>
      <c r="D21" s="17"/>
      <c r="E21" s="32"/>
    </row>
    <row r="22" spans="1:5" ht="39.6" x14ac:dyDescent="0.3">
      <c r="A22" s="8" t="s">
        <v>7</v>
      </c>
      <c r="B22" s="15" t="s">
        <v>51</v>
      </c>
      <c r="C22" s="8" t="s">
        <v>85</v>
      </c>
      <c r="D22" s="17"/>
      <c r="E22" s="32"/>
    </row>
    <row r="23" spans="1:5" ht="66" x14ac:dyDescent="0.3">
      <c r="A23" s="8" t="s">
        <v>7</v>
      </c>
      <c r="B23" s="15" t="s">
        <v>52</v>
      </c>
      <c r="C23" s="8" t="s">
        <v>86</v>
      </c>
      <c r="D23" s="17"/>
      <c r="E23" s="32"/>
    </row>
    <row r="24" spans="1:5" ht="39.6" x14ac:dyDescent="0.3">
      <c r="A24" s="8" t="s">
        <v>7</v>
      </c>
      <c r="B24" s="15" t="s">
        <v>53</v>
      </c>
      <c r="C24" s="8" t="s">
        <v>87</v>
      </c>
      <c r="D24" s="17"/>
      <c r="E24" s="32"/>
    </row>
    <row r="25" spans="1:5" ht="69.599999999999994" customHeight="1" x14ac:dyDescent="0.3">
      <c r="A25" s="8" t="s">
        <v>8</v>
      </c>
      <c r="B25" s="15" t="s">
        <v>54</v>
      </c>
      <c r="C25" s="8" t="s">
        <v>95</v>
      </c>
      <c r="D25" s="17"/>
      <c r="E25" s="32"/>
    </row>
    <row r="26" spans="1:5" ht="26.4" x14ac:dyDescent="0.3">
      <c r="A26" s="8" t="s">
        <v>8</v>
      </c>
      <c r="B26" s="15" t="s">
        <v>55</v>
      </c>
      <c r="C26" s="8" t="s">
        <v>88</v>
      </c>
      <c r="D26" s="17"/>
      <c r="E26" s="32"/>
    </row>
    <row r="27" spans="1:5" ht="26.4" x14ac:dyDescent="0.3">
      <c r="A27" s="8" t="s">
        <v>8</v>
      </c>
      <c r="B27" s="15" t="s">
        <v>56</v>
      </c>
      <c r="C27" s="8" t="s">
        <v>96</v>
      </c>
      <c r="D27" s="17"/>
      <c r="E27" s="32"/>
    </row>
    <row r="28" spans="1:5" ht="79.2" x14ac:dyDescent="0.3">
      <c r="A28" s="8" t="s">
        <v>8</v>
      </c>
      <c r="B28" s="15" t="s">
        <v>57</v>
      </c>
      <c r="C28" s="8" t="s">
        <v>97</v>
      </c>
      <c r="D28" s="17"/>
      <c r="E28" s="32"/>
    </row>
    <row r="29" spans="1:5" ht="105.6" x14ac:dyDescent="0.3">
      <c r="A29" s="8" t="s">
        <v>8</v>
      </c>
      <c r="B29" s="15" t="s">
        <v>58</v>
      </c>
      <c r="C29" s="8" t="s">
        <v>98</v>
      </c>
      <c r="D29" s="17"/>
      <c r="E29" s="32"/>
    </row>
    <row r="30" spans="1:5" ht="52.8" x14ac:dyDescent="0.3">
      <c r="A30" s="8" t="s">
        <v>9</v>
      </c>
      <c r="B30" s="15" t="s">
        <v>59</v>
      </c>
      <c r="C30" s="8" t="s">
        <v>99</v>
      </c>
      <c r="D30" s="17"/>
      <c r="E30" s="32"/>
    </row>
    <row r="31" spans="1:5" ht="79.2" x14ac:dyDescent="0.3">
      <c r="A31" s="8" t="s">
        <v>9</v>
      </c>
      <c r="B31" s="15" t="s">
        <v>60</v>
      </c>
      <c r="C31" s="8" t="s">
        <v>100</v>
      </c>
      <c r="D31" s="17"/>
      <c r="E31" s="32"/>
    </row>
    <row r="32" spans="1:5" ht="169.2" customHeight="1" x14ac:dyDescent="0.3">
      <c r="A32" s="8" t="s">
        <v>9</v>
      </c>
      <c r="B32" s="15" t="s">
        <v>61</v>
      </c>
      <c r="C32" s="8" t="s">
        <v>102</v>
      </c>
      <c r="D32" s="17"/>
      <c r="E32" s="32"/>
    </row>
    <row r="33" spans="1:5" ht="232.5" customHeight="1" x14ac:dyDescent="0.3">
      <c r="A33" s="8" t="s">
        <v>101</v>
      </c>
      <c r="B33" s="15" t="s">
        <v>62</v>
      </c>
      <c r="C33" s="8" t="s">
        <v>91</v>
      </c>
      <c r="D33" s="17"/>
      <c r="E33" s="32"/>
    </row>
    <row r="34" spans="1:5" ht="46.2" customHeight="1" x14ac:dyDescent="0.3">
      <c r="A34" s="8" t="s">
        <v>13</v>
      </c>
      <c r="B34" s="15" t="s">
        <v>63</v>
      </c>
      <c r="C34" s="8" t="s">
        <v>94</v>
      </c>
      <c r="D34" s="17"/>
      <c r="E34" s="32"/>
    </row>
    <row r="35" spans="1:5" ht="36.6" customHeight="1" x14ac:dyDescent="0.3">
      <c r="A35" s="8" t="s">
        <v>13</v>
      </c>
      <c r="B35" s="15" t="s">
        <v>64</v>
      </c>
      <c r="C35" s="8" t="s">
        <v>89</v>
      </c>
      <c r="D35" s="17"/>
      <c r="E35" s="32"/>
    </row>
    <row r="36" spans="1:5" ht="39.6" x14ac:dyDescent="0.3">
      <c r="A36" s="8" t="s">
        <v>13</v>
      </c>
      <c r="B36" s="15" t="s">
        <v>65</v>
      </c>
      <c r="C36" s="8" t="s">
        <v>92</v>
      </c>
      <c r="D36" s="17"/>
      <c r="E36" s="32"/>
    </row>
    <row r="37" spans="1:5" ht="52.8" x14ac:dyDescent="0.3">
      <c r="A37" s="8" t="s">
        <v>0</v>
      </c>
      <c r="B37" s="15" t="s">
        <v>66</v>
      </c>
      <c r="C37" s="8" t="s">
        <v>90</v>
      </c>
      <c r="D37" s="17"/>
      <c r="E37" s="32"/>
    </row>
    <row r="38" spans="1:5" ht="52.8" x14ac:dyDescent="0.3">
      <c r="A38" s="8" t="s">
        <v>14</v>
      </c>
      <c r="B38" s="15" t="s">
        <v>67</v>
      </c>
      <c r="C38" s="8" t="s">
        <v>93</v>
      </c>
      <c r="D38" s="17"/>
      <c r="E38" s="32"/>
    </row>
    <row r="39" spans="1:5" x14ac:dyDescent="0.3">
      <c r="A39" s="8"/>
      <c r="B39" s="15"/>
      <c r="D39" s="3"/>
    </row>
    <row r="40" spans="1:5" x14ac:dyDescent="0.3">
      <c r="A40" s="8"/>
      <c r="B40" s="15"/>
      <c r="D40" s="3"/>
    </row>
    <row r="41" spans="1:5" x14ac:dyDescent="0.3">
      <c r="A41" s="8"/>
      <c r="B41" s="15"/>
      <c r="D41" s="3"/>
    </row>
    <row r="42" spans="1:5" x14ac:dyDescent="0.3">
      <c r="A42" s="8"/>
      <c r="B42" s="15"/>
      <c r="D42" s="3"/>
    </row>
    <row r="43" spans="1:5" x14ac:dyDescent="0.3">
      <c r="A43" s="8"/>
      <c r="B43" s="15"/>
      <c r="D43" s="3"/>
    </row>
    <row r="44" spans="1:5" x14ac:dyDescent="0.3">
      <c r="A44" s="8"/>
      <c r="B44" s="15"/>
      <c r="D44" s="3"/>
    </row>
    <row r="45" spans="1:5" x14ac:dyDescent="0.3">
      <c r="A45" s="16"/>
      <c r="B45" s="15"/>
      <c r="D45" s="3"/>
    </row>
    <row r="46" spans="1:5" x14ac:dyDescent="0.3">
      <c r="A46" s="16"/>
      <c r="B46" s="15"/>
      <c r="D46" s="3"/>
    </row>
    <row r="47" spans="1:5" x14ac:dyDescent="0.3">
      <c r="A47" s="16"/>
      <c r="B47" s="15"/>
      <c r="D47" s="3"/>
    </row>
    <row r="48" spans="1:5" x14ac:dyDescent="0.3">
      <c r="A48" s="16"/>
      <c r="B48" s="15"/>
      <c r="D48" s="3"/>
    </row>
    <row r="49" spans="1:4" x14ac:dyDescent="0.3">
      <c r="A49" s="16"/>
      <c r="B49" s="15"/>
      <c r="D49" s="3"/>
    </row>
    <row r="50" spans="1:4" x14ac:dyDescent="0.3">
      <c r="A50" s="16"/>
      <c r="B50" s="15"/>
      <c r="D50" s="3"/>
    </row>
    <row r="51" spans="1:4" x14ac:dyDescent="0.3">
      <c r="A51" s="16"/>
      <c r="B51" s="15"/>
      <c r="D51" s="3"/>
    </row>
    <row r="52" spans="1:4" x14ac:dyDescent="0.3">
      <c r="A52" s="16"/>
      <c r="B52" s="15"/>
      <c r="D52" s="3"/>
    </row>
    <row r="53" spans="1:4" x14ac:dyDescent="0.3">
      <c r="A53" s="16"/>
      <c r="B53" s="15"/>
      <c r="D53" s="3"/>
    </row>
    <row r="54" spans="1:4" x14ac:dyDescent="0.3">
      <c r="A54" s="16"/>
      <c r="B54" s="15"/>
      <c r="D54" s="3"/>
    </row>
    <row r="55" spans="1:4" x14ac:dyDescent="0.3">
      <c r="A55" s="16"/>
      <c r="B55" s="15"/>
      <c r="D55" s="3"/>
    </row>
    <row r="56" spans="1:4" x14ac:dyDescent="0.3">
      <c r="A56" s="16"/>
      <c r="B56" s="15"/>
      <c r="D56" s="3"/>
    </row>
    <row r="57" spans="1:4" x14ac:dyDescent="0.3">
      <c r="A57" s="16"/>
      <c r="B57" s="15"/>
      <c r="D57" s="3"/>
    </row>
    <row r="58" spans="1:4" x14ac:dyDescent="0.3">
      <c r="A58" s="16"/>
      <c r="B58" s="15"/>
      <c r="D58" s="3"/>
    </row>
    <row r="59" spans="1:4" x14ac:dyDescent="0.3">
      <c r="A59" s="16"/>
      <c r="B59" s="15"/>
      <c r="D59" s="3"/>
    </row>
    <row r="60" spans="1:4" x14ac:dyDescent="0.3">
      <c r="A60" s="16"/>
      <c r="B60" s="15"/>
      <c r="D60" s="3"/>
    </row>
    <row r="61" spans="1:4" x14ac:dyDescent="0.3">
      <c r="A61" s="16"/>
      <c r="B61" s="15"/>
      <c r="D61" s="3"/>
    </row>
    <row r="62" spans="1:4" x14ac:dyDescent="0.3">
      <c r="A62" s="16"/>
      <c r="B62" s="15"/>
      <c r="D62" s="3"/>
    </row>
    <row r="63" spans="1:4" x14ac:dyDescent="0.3">
      <c r="A63" s="16"/>
      <c r="B63" s="15"/>
      <c r="D63" s="3"/>
    </row>
    <row r="64" spans="1:4" x14ac:dyDescent="0.3">
      <c r="A64" s="16"/>
      <c r="B64" s="16"/>
      <c r="D64" s="7"/>
    </row>
    <row r="65" spans="1:4" x14ac:dyDescent="0.3">
      <c r="A65" s="16"/>
      <c r="B65" s="16"/>
      <c r="D65" s="7"/>
    </row>
    <row r="66" spans="1:4" x14ac:dyDescent="0.3">
      <c r="A66" s="16"/>
      <c r="B66" s="16"/>
      <c r="D66" s="7"/>
    </row>
    <row r="67" spans="1:4" x14ac:dyDescent="0.3">
      <c r="A67" s="16"/>
      <c r="B67" s="16"/>
      <c r="D67" s="7"/>
    </row>
    <row r="68" spans="1:4" x14ac:dyDescent="0.3">
      <c r="A68" s="16"/>
      <c r="B68" s="16"/>
      <c r="D68" s="7"/>
    </row>
    <row r="69" spans="1:4" x14ac:dyDescent="0.3">
      <c r="A69" s="16"/>
      <c r="B69" s="16"/>
      <c r="D69" s="7"/>
    </row>
    <row r="70" spans="1:4" x14ac:dyDescent="0.3">
      <c r="A70" s="16"/>
      <c r="B70" s="16"/>
      <c r="D70" s="7"/>
    </row>
    <row r="71" spans="1:4" x14ac:dyDescent="0.3">
      <c r="A71" s="16"/>
      <c r="B71" s="16"/>
      <c r="D71" s="7"/>
    </row>
    <row r="72" spans="1:4" x14ac:dyDescent="0.3">
      <c r="A72" s="16"/>
      <c r="B72" s="16"/>
      <c r="D72" s="7"/>
    </row>
    <row r="73" spans="1:4" x14ac:dyDescent="0.3">
      <c r="A73" s="16"/>
      <c r="B73" s="16"/>
      <c r="D73" s="7"/>
    </row>
    <row r="74" spans="1:4" x14ac:dyDescent="0.3">
      <c r="A74" s="16"/>
      <c r="B74" s="16"/>
      <c r="D74" s="7"/>
    </row>
    <row r="75" spans="1:4" x14ac:dyDescent="0.3">
      <c r="A75" s="16"/>
      <c r="B75" s="16"/>
      <c r="D75" s="7"/>
    </row>
    <row r="76" spans="1:4" x14ac:dyDescent="0.3">
      <c r="A76" s="16"/>
      <c r="B76" s="16"/>
      <c r="D76" s="7"/>
    </row>
    <row r="77" spans="1:4" x14ac:dyDescent="0.3">
      <c r="A77" s="16"/>
      <c r="B77" s="16"/>
      <c r="D77" s="7"/>
    </row>
    <row r="78" spans="1:4" x14ac:dyDescent="0.3">
      <c r="A78" s="16"/>
      <c r="B78" s="16"/>
      <c r="D78" s="7"/>
    </row>
    <row r="79" spans="1:4" x14ac:dyDescent="0.3">
      <c r="A79" s="16"/>
      <c r="B79" s="16"/>
      <c r="D79" s="7"/>
    </row>
    <row r="80" spans="1:4" x14ac:dyDescent="0.3">
      <c r="A80" s="16"/>
      <c r="B80" s="16"/>
      <c r="D80" s="7"/>
    </row>
    <row r="81" spans="1:4" x14ac:dyDescent="0.3">
      <c r="A81" s="16"/>
      <c r="B81" s="16"/>
      <c r="D81" s="7"/>
    </row>
    <row r="82" spans="1:4" x14ac:dyDescent="0.3">
      <c r="A82" s="16"/>
      <c r="B82" s="16"/>
      <c r="D82" s="7"/>
    </row>
    <row r="83" spans="1:4" x14ac:dyDescent="0.3">
      <c r="A83" s="16"/>
      <c r="B83" s="16"/>
      <c r="D83" s="7"/>
    </row>
    <row r="84" spans="1:4" x14ac:dyDescent="0.3">
      <c r="A84" s="16"/>
      <c r="B84" s="16"/>
      <c r="D84" s="7"/>
    </row>
    <row r="85" spans="1:4" x14ac:dyDescent="0.3">
      <c r="A85" s="16"/>
      <c r="B85" s="16"/>
      <c r="D85" s="7"/>
    </row>
    <row r="86" spans="1:4" x14ac:dyDescent="0.3">
      <c r="A86" s="16"/>
      <c r="B86" s="16"/>
      <c r="D86" s="7"/>
    </row>
    <row r="87" spans="1:4" x14ac:dyDescent="0.3">
      <c r="A87" s="16"/>
      <c r="B87" s="16"/>
      <c r="D87" s="7"/>
    </row>
    <row r="88" spans="1:4" x14ac:dyDescent="0.3">
      <c r="A88" s="16"/>
      <c r="B88" s="16"/>
      <c r="D88" s="7"/>
    </row>
    <row r="89" spans="1:4" x14ac:dyDescent="0.3">
      <c r="A89" s="16"/>
      <c r="B89" s="16"/>
      <c r="D89" s="7"/>
    </row>
    <row r="90" spans="1:4" x14ac:dyDescent="0.3">
      <c r="A90" s="16"/>
      <c r="B90" s="16"/>
      <c r="D90" s="7"/>
    </row>
    <row r="91" spans="1:4" x14ac:dyDescent="0.3">
      <c r="A91" s="16"/>
      <c r="B91" s="16"/>
      <c r="D91" s="7"/>
    </row>
    <row r="92" spans="1:4" x14ac:dyDescent="0.3">
      <c r="A92" s="16"/>
      <c r="B92" s="16"/>
      <c r="D92" s="7"/>
    </row>
    <row r="93" spans="1:4" x14ac:dyDescent="0.3">
      <c r="A93" s="16"/>
      <c r="B93" s="16"/>
      <c r="D93" s="7"/>
    </row>
    <row r="94" spans="1:4" x14ac:dyDescent="0.3">
      <c r="A94" s="16"/>
      <c r="B94" s="16"/>
      <c r="D94" s="7"/>
    </row>
    <row r="95" spans="1:4" x14ac:dyDescent="0.3">
      <c r="A95" s="16"/>
      <c r="B95" s="16"/>
      <c r="D95" s="7"/>
    </row>
    <row r="96" spans="1:4" x14ac:dyDescent="0.3">
      <c r="A96" s="16"/>
      <c r="B96" s="16"/>
      <c r="D96" s="7"/>
    </row>
    <row r="97" spans="1:4" x14ac:dyDescent="0.3">
      <c r="A97" s="16"/>
      <c r="B97" s="16"/>
      <c r="D97" s="7"/>
    </row>
    <row r="98" spans="1:4" x14ac:dyDescent="0.3">
      <c r="A98" s="16"/>
      <c r="B98" s="16"/>
      <c r="D98" s="7"/>
    </row>
    <row r="99" spans="1:4" x14ac:dyDescent="0.3">
      <c r="A99" s="16"/>
      <c r="B99" s="16"/>
      <c r="D99" s="7"/>
    </row>
    <row r="100" spans="1:4" x14ac:dyDescent="0.3">
      <c r="A100" s="16"/>
      <c r="B100" s="16"/>
      <c r="D100" s="7"/>
    </row>
    <row r="101" spans="1:4" x14ac:dyDescent="0.3">
      <c r="A101" s="16"/>
      <c r="B101" s="16"/>
      <c r="D101" s="7"/>
    </row>
    <row r="102" spans="1:4" x14ac:dyDescent="0.3">
      <c r="A102" s="16"/>
      <c r="B102" s="16"/>
      <c r="D102" s="7"/>
    </row>
    <row r="103" spans="1:4" x14ac:dyDescent="0.3">
      <c r="A103" s="16"/>
      <c r="B103" s="16"/>
      <c r="D103" s="7"/>
    </row>
    <row r="104" spans="1:4" x14ac:dyDescent="0.3">
      <c r="A104" s="16"/>
      <c r="B104" s="16"/>
      <c r="D104" s="7"/>
    </row>
    <row r="105" spans="1:4" x14ac:dyDescent="0.3">
      <c r="A105" s="16"/>
      <c r="B105" s="16"/>
      <c r="D105" s="7"/>
    </row>
    <row r="106" spans="1:4" x14ac:dyDescent="0.3">
      <c r="A106" s="16"/>
      <c r="B106" s="16"/>
      <c r="D106" s="7"/>
    </row>
    <row r="107" spans="1:4" x14ac:dyDescent="0.3">
      <c r="A107" s="16"/>
      <c r="B107" s="16"/>
      <c r="D107" s="7"/>
    </row>
    <row r="108" spans="1:4" x14ac:dyDescent="0.3">
      <c r="A108" s="16"/>
      <c r="B108" s="16"/>
      <c r="D108" s="7"/>
    </row>
    <row r="109" spans="1:4" x14ac:dyDescent="0.3">
      <c r="A109" s="16"/>
      <c r="B109" s="16"/>
      <c r="D109" s="7"/>
    </row>
    <row r="110" spans="1:4" x14ac:dyDescent="0.3">
      <c r="A110" s="16"/>
      <c r="B110" s="16"/>
      <c r="D110" s="7"/>
    </row>
    <row r="111" spans="1:4" x14ac:dyDescent="0.3">
      <c r="A111" s="16"/>
      <c r="B111" s="16"/>
      <c r="D111" s="7"/>
    </row>
    <row r="112" spans="1:4" x14ac:dyDescent="0.3">
      <c r="A112" s="16"/>
      <c r="B112" s="16"/>
      <c r="D112" s="7"/>
    </row>
    <row r="113" spans="1:4" x14ac:dyDescent="0.3">
      <c r="A113" s="16"/>
      <c r="B113" s="16"/>
      <c r="D113" s="7"/>
    </row>
    <row r="114" spans="1:4" x14ac:dyDescent="0.3">
      <c r="A114" s="16"/>
      <c r="B114" s="16"/>
      <c r="D114" s="7"/>
    </row>
    <row r="115" spans="1:4" x14ac:dyDescent="0.3">
      <c r="A115" s="16"/>
      <c r="B115" s="16"/>
      <c r="D115" s="7"/>
    </row>
    <row r="116" spans="1:4" x14ac:dyDescent="0.3">
      <c r="A116" s="16"/>
      <c r="B116" s="16"/>
      <c r="D116" s="7"/>
    </row>
    <row r="117" spans="1:4" x14ac:dyDescent="0.3">
      <c r="A117" s="16"/>
      <c r="B117" s="16"/>
      <c r="D117" s="7"/>
    </row>
    <row r="118" spans="1:4" x14ac:dyDescent="0.3">
      <c r="A118" s="16"/>
      <c r="B118" s="16"/>
      <c r="D118" s="7"/>
    </row>
    <row r="119" spans="1:4" x14ac:dyDescent="0.3">
      <c r="A119" s="16"/>
      <c r="B119" s="16"/>
      <c r="D119" s="7"/>
    </row>
    <row r="120" spans="1:4" x14ac:dyDescent="0.3">
      <c r="A120" s="16"/>
      <c r="B120" s="16"/>
      <c r="D120" s="7"/>
    </row>
    <row r="121" spans="1:4" x14ac:dyDescent="0.3">
      <c r="A121" s="16"/>
      <c r="B121" s="16"/>
      <c r="D121" s="7"/>
    </row>
    <row r="122" spans="1:4" x14ac:dyDescent="0.3">
      <c r="A122" s="16"/>
      <c r="B122" s="16"/>
      <c r="D122" s="7"/>
    </row>
    <row r="123" spans="1:4" x14ac:dyDescent="0.3">
      <c r="A123" s="16"/>
      <c r="B123" s="16"/>
      <c r="D123" s="7"/>
    </row>
    <row r="124" spans="1:4" x14ac:dyDescent="0.3">
      <c r="A124" s="16"/>
      <c r="B124" s="16"/>
      <c r="D124" s="7"/>
    </row>
    <row r="125" spans="1:4" x14ac:dyDescent="0.3">
      <c r="A125" s="16"/>
      <c r="B125" s="16"/>
      <c r="D125" s="7"/>
    </row>
    <row r="126" spans="1:4" x14ac:dyDescent="0.3">
      <c r="A126" s="16"/>
      <c r="B126" s="16"/>
      <c r="D126" s="7"/>
    </row>
    <row r="127" spans="1:4" x14ac:dyDescent="0.3">
      <c r="A127" s="16"/>
      <c r="B127" s="16"/>
      <c r="D127" s="7"/>
    </row>
    <row r="128" spans="1:4" x14ac:dyDescent="0.3">
      <c r="A128" s="16"/>
      <c r="B128" s="16"/>
      <c r="D128" s="7"/>
    </row>
    <row r="129" spans="1:4" x14ac:dyDescent="0.3">
      <c r="A129" s="16"/>
      <c r="B129" s="16"/>
      <c r="D129" s="7"/>
    </row>
    <row r="130" spans="1:4" x14ac:dyDescent="0.3">
      <c r="A130" s="16"/>
      <c r="B130" s="16"/>
      <c r="D130" s="7"/>
    </row>
    <row r="131" spans="1:4" x14ac:dyDescent="0.3">
      <c r="A131" s="16"/>
      <c r="B131" s="16"/>
      <c r="D131" s="7"/>
    </row>
    <row r="132" spans="1:4" x14ac:dyDescent="0.3">
      <c r="A132" s="16"/>
      <c r="B132" s="16"/>
      <c r="D132" s="7"/>
    </row>
    <row r="133" spans="1:4" x14ac:dyDescent="0.3">
      <c r="A133" s="16"/>
      <c r="B133" s="16"/>
      <c r="D133" s="7"/>
    </row>
    <row r="134" spans="1:4" x14ac:dyDescent="0.3">
      <c r="A134" s="16"/>
      <c r="B134" s="16"/>
      <c r="D134" s="7"/>
    </row>
    <row r="135" spans="1:4" x14ac:dyDescent="0.3">
      <c r="A135" s="16"/>
      <c r="B135" s="16"/>
      <c r="D135" s="7"/>
    </row>
    <row r="136" spans="1:4" x14ac:dyDescent="0.3">
      <c r="A136" s="16"/>
      <c r="B136" s="16"/>
      <c r="D136" s="7"/>
    </row>
    <row r="137" spans="1:4" x14ac:dyDescent="0.3">
      <c r="A137" s="16"/>
      <c r="B137" s="16"/>
      <c r="D137" s="7"/>
    </row>
    <row r="138" spans="1:4" x14ac:dyDescent="0.3">
      <c r="A138" s="16"/>
      <c r="B138" s="16"/>
      <c r="D138" s="7"/>
    </row>
    <row r="139" spans="1:4" x14ac:dyDescent="0.3">
      <c r="A139" s="16"/>
      <c r="B139" s="16"/>
      <c r="D139" s="7"/>
    </row>
    <row r="140" spans="1:4" x14ac:dyDescent="0.3">
      <c r="A140" s="16"/>
      <c r="B140" s="16"/>
      <c r="D140" s="7"/>
    </row>
    <row r="141" spans="1:4" x14ac:dyDescent="0.3">
      <c r="A141" s="16"/>
      <c r="B141" s="16"/>
      <c r="D141" s="7"/>
    </row>
    <row r="142" spans="1:4" x14ac:dyDescent="0.3">
      <c r="A142" s="16"/>
      <c r="B142" s="16"/>
      <c r="D142" s="7"/>
    </row>
    <row r="143" spans="1:4" x14ac:dyDescent="0.3">
      <c r="A143" s="16"/>
      <c r="B143" s="16"/>
      <c r="D143" s="7"/>
    </row>
    <row r="144" spans="1:4" x14ac:dyDescent="0.3">
      <c r="A144" s="16"/>
      <c r="B144" s="16"/>
      <c r="D144" s="7"/>
    </row>
    <row r="145" spans="1:4" x14ac:dyDescent="0.3">
      <c r="A145" s="16"/>
      <c r="B145" s="16"/>
      <c r="D145" s="7"/>
    </row>
    <row r="146" spans="1:4" x14ac:dyDescent="0.3">
      <c r="A146" s="16"/>
      <c r="B146" s="16"/>
      <c r="D146" s="7"/>
    </row>
    <row r="147" spans="1:4" x14ac:dyDescent="0.3">
      <c r="A147" s="16"/>
      <c r="B147" s="16"/>
      <c r="D147" s="7"/>
    </row>
    <row r="148" spans="1:4" x14ac:dyDescent="0.3">
      <c r="A148" s="16"/>
      <c r="B148" s="16"/>
      <c r="D148" s="7"/>
    </row>
    <row r="149" spans="1:4" x14ac:dyDescent="0.3">
      <c r="A149" s="16"/>
      <c r="B149" s="16"/>
      <c r="D149" s="7"/>
    </row>
    <row r="150" spans="1:4" x14ac:dyDescent="0.3">
      <c r="A150" s="16"/>
      <c r="B150" s="16"/>
      <c r="D150" s="7"/>
    </row>
    <row r="151" spans="1:4" x14ac:dyDescent="0.3">
      <c r="A151" s="16"/>
      <c r="B151" s="16"/>
      <c r="D151" s="7"/>
    </row>
    <row r="152" spans="1:4" x14ac:dyDescent="0.3">
      <c r="A152" s="16"/>
      <c r="B152" s="16"/>
      <c r="D152" s="7"/>
    </row>
    <row r="153" spans="1:4" x14ac:dyDescent="0.3">
      <c r="A153" s="16"/>
      <c r="B153" s="16"/>
      <c r="D153" s="7"/>
    </row>
    <row r="154" spans="1:4" x14ac:dyDescent="0.3">
      <c r="A154" s="16"/>
      <c r="B154" s="16"/>
      <c r="D154" s="7"/>
    </row>
    <row r="155" spans="1:4" x14ac:dyDescent="0.3">
      <c r="A155" s="16"/>
      <c r="B155" s="16"/>
      <c r="D155" s="7"/>
    </row>
    <row r="156" spans="1:4" x14ac:dyDescent="0.3">
      <c r="A156" s="16"/>
      <c r="B156" s="16"/>
      <c r="D156" s="7"/>
    </row>
    <row r="157" spans="1:4" x14ac:dyDescent="0.3">
      <c r="A157" s="16"/>
      <c r="B157" s="16"/>
      <c r="D157" s="7"/>
    </row>
    <row r="158" spans="1:4" x14ac:dyDescent="0.3">
      <c r="A158" s="16"/>
      <c r="B158" s="16"/>
      <c r="D158" s="7"/>
    </row>
    <row r="159" spans="1:4" x14ac:dyDescent="0.3">
      <c r="A159" s="16"/>
      <c r="B159" s="16"/>
      <c r="D159" s="7"/>
    </row>
    <row r="160" spans="1:4" x14ac:dyDescent="0.3">
      <c r="A160" s="16"/>
      <c r="B160" s="16"/>
      <c r="D160" s="7"/>
    </row>
    <row r="161" spans="1:4" x14ac:dyDescent="0.3">
      <c r="A161" s="16"/>
      <c r="B161" s="16"/>
      <c r="D161" s="7"/>
    </row>
    <row r="162" spans="1:4" x14ac:dyDescent="0.3">
      <c r="A162" s="16"/>
      <c r="B162" s="16"/>
      <c r="D162" s="7"/>
    </row>
    <row r="163" spans="1:4" x14ac:dyDescent="0.3">
      <c r="A163" s="16"/>
      <c r="B163" s="16"/>
      <c r="D163" s="7"/>
    </row>
    <row r="164" spans="1:4" x14ac:dyDescent="0.3">
      <c r="A164" s="16"/>
      <c r="B164" s="16"/>
      <c r="D164" s="7"/>
    </row>
    <row r="165" spans="1:4" x14ac:dyDescent="0.3">
      <c r="A165" s="16"/>
      <c r="B165" s="16"/>
      <c r="D165" s="7"/>
    </row>
    <row r="166" spans="1:4" x14ac:dyDescent="0.3">
      <c r="A166" s="16"/>
      <c r="B166" s="16"/>
      <c r="D166" s="7"/>
    </row>
    <row r="167" spans="1:4" x14ac:dyDescent="0.3">
      <c r="A167" s="16"/>
      <c r="B167" s="16"/>
      <c r="D167" s="7"/>
    </row>
    <row r="168" spans="1:4" x14ac:dyDescent="0.3">
      <c r="A168" s="16"/>
      <c r="B168" s="16"/>
      <c r="D168" s="7"/>
    </row>
    <row r="169" spans="1:4" x14ac:dyDescent="0.3">
      <c r="A169" s="16"/>
      <c r="B169" s="16"/>
      <c r="D169" s="7"/>
    </row>
    <row r="170" spans="1:4" x14ac:dyDescent="0.3">
      <c r="A170" s="16"/>
      <c r="B170" s="16"/>
      <c r="D170" s="7"/>
    </row>
    <row r="171" spans="1:4" x14ac:dyDescent="0.3">
      <c r="A171" s="16"/>
      <c r="B171" s="16"/>
      <c r="D171" s="7"/>
    </row>
    <row r="172" spans="1:4" x14ac:dyDescent="0.3">
      <c r="A172" s="16"/>
      <c r="B172" s="16"/>
      <c r="D172" s="7"/>
    </row>
    <row r="173" spans="1:4" x14ac:dyDescent="0.3">
      <c r="A173" s="16"/>
      <c r="B173" s="16"/>
      <c r="D173" s="7"/>
    </row>
    <row r="174" spans="1:4" x14ac:dyDescent="0.3">
      <c r="A174" s="16"/>
      <c r="B174" s="16"/>
      <c r="D174" s="7"/>
    </row>
    <row r="175" spans="1:4" x14ac:dyDescent="0.3">
      <c r="A175" s="16"/>
      <c r="B175" s="16"/>
      <c r="D175" s="7"/>
    </row>
    <row r="176" spans="1:4" x14ac:dyDescent="0.3">
      <c r="A176" s="16"/>
      <c r="B176" s="16"/>
      <c r="D176" s="7"/>
    </row>
    <row r="177" spans="1:4" x14ac:dyDescent="0.3">
      <c r="A177" s="16"/>
      <c r="B177" s="16"/>
      <c r="D177" s="7"/>
    </row>
    <row r="178" spans="1:4" x14ac:dyDescent="0.3">
      <c r="A178" s="16"/>
      <c r="B178" s="16"/>
      <c r="D178" s="7"/>
    </row>
    <row r="179" spans="1:4" x14ac:dyDescent="0.3">
      <c r="A179" s="16"/>
      <c r="B179" s="16"/>
      <c r="D179" s="7"/>
    </row>
    <row r="180" spans="1:4" x14ac:dyDescent="0.3">
      <c r="A180" s="16"/>
      <c r="B180" s="16"/>
      <c r="D180" s="7"/>
    </row>
    <row r="181" spans="1:4" x14ac:dyDescent="0.3">
      <c r="A181" s="16"/>
      <c r="B181" s="16"/>
      <c r="D181" s="7"/>
    </row>
    <row r="182" spans="1:4" x14ac:dyDescent="0.3">
      <c r="A182" s="16"/>
      <c r="B182" s="16"/>
      <c r="D182" s="7"/>
    </row>
    <row r="183" spans="1:4" x14ac:dyDescent="0.3">
      <c r="A183" s="16"/>
      <c r="B183" s="16"/>
      <c r="D183" s="7"/>
    </row>
    <row r="184" spans="1:4" x14ac:dyDescent="0.3">
      <c r="A184" s="16"/>
      <c r="B184" s="16"/>
      <c r="D184" s="7"/>
    </row>
    <row r="185" spans="1:4" x14ac:dyDescent="0.3">
      <c r="A185" s="16"/>
      <c r="B185" s="16"/>
      <c r="D185" s="7"/>
    </row>
    <row r="186" spans="1:4" x14ac:dyDescent="0.3">
      <c r="A186" s="16"/>
      <c r="B186" s="16"/>
      <c r="D186" s="7"/>
    </row>
    <row r="187" spans="1:4" x14ac:dyDescent="0.3">
      <c r="A187" s="16"/>
      <c r="B187" s="16"/>
      <c r="D187" s="7"/>
    </row>
    <row r="188" spans="1:4" x14ac:dyDescent="0.3">
      <c r="A188" s="16"/>
      <c r="B188" s="16"/>
      <c r="D188" s="7"/>
    </row>
    <row r="189" spans="1:4" x14ac:dyDescent="0.3">
      <c r="A189" s="16"/>
      <c r="B189" s="16"/>
      <c r="D189" s="7"/>
    </row>
    <row r="190" spans="1:4" x14ac:dyDescent="0.3">
      <c r="A190" s="16"/>
      <c r="B190" s="16"/>
      <c r="D190" s="7"/>
    </row>
    <row r="191" spans="1:4" x14ac:dyDescent="0.3">
      <c r="A191" s="16"/>
      <c r="B191" s="16"/>
      <c r="D191" s="7"/>
    </row>
    <row r="192" spans="1:4" x14ac:dyDescent="0.3">
      <c r="A192" s="16"/>
      <c r="B192" s="16"/>
      <c r="D192" s="7"/>
    </row>
    <row r="193" spans="1:4" x14ac:dyDescent="0.3">
      <c r="A193" s="16"/>
      <c r="B193" s="16"/>
      <c r="D193" s="7"/>
    </row>
    <row r="194" spans="1:4" x14ac:dyDescent="0.3">
      <c r="A194" s="16"/>
      <c r="B194" s="16"/>
      <c r="D194" s="7"/>
    </row>
    <row r="195" spans="1:4" x14ac:dyDescent="0.3">
      <c r="A195" s="16"/>
      <c r="B195" s="16"/>
      <c r="D195" s="7"/>
    </row>
    <row r="196" spans="1:4" x14ac:dyDescent="0.3">
      <c r="A196" s="16"/>
      <c r="B196" s="16"/>
      <c r="D196" s="7"/>
    </row>
    <row r="197" spans="1:4" x14ac:dyDescent="0.3">
      <c r="A197" s="16"/>
      <c r="B197" s="16"/>
      <c r="D197" s="7"/>
    </row>
    <row r="198" spans="1:4" x14ac:dyDescent="0.3">
      <c r="A198" s="16"/>
      <c r="B198" s="16"/>
      <c r="D198" s="7"/>
    </row>
    <row r="199" spans="1:4" x14ac:dyDescent="0.3">
      <c r="A199" s="16"/>
      <c r="B199" s="16"/>
      <c r="D199" s="7"/>
    </row>
    <row r="200" spans="1:4" x14ac:dyDescent="0.3">
      <c r="A200" s="16"/>
      <c r="B200" s="16"/>
      <c r="D200" s="7"/>
    </row>
    <row r="201" spans="1:4" x14ac:dyDescent="0.3">
      <c r="A201" s="16"/>
      <c r="B201" s="16"/>
      <c r="D201" s="7"/>
    </row>
    <row r="202" spans="1:4" x14ac:dyDescent="0.3">
      <c r="A202" s="16"/>
      <c r="B202" s="16"/>
      <c r="D202" s="7"/>
    </row>
    <row r="203" spans="1:4" x14ac:dyDescent="0.3">
      <c r="A203" s="16"/>
      <c r="B203" s="16"/>
      <c r="D203" s="7"/>
    </row>
    <row r="204" spans="1:4" x14ac:dyDescent="0.3">
      <c r="A204" s="16"/>
      <c r="B204" s="16"/>
      <c r="D204" s="7"/>
    </row>
    <row r="205" spans="1:4" x14ac:dyDescent="0.3">
      <c r="A205" s="16"/>
      <c r="B205" s="16"/>
      <c r="D205" s="7"/>
    </row>
    <row r="206" spans="1:4" x14ac:dyDescent="0.3">
      <c r="A206" s="16"/>
      <c r="B206" s="16"/>
      <c r="D206" s="7"/>
    </row>
    <row r="207" spans="1:4" x14ac:dyDescent="0.3">
      <c r="A207" s="16"/>
      <c r="B207" s="16"/>
      <c r="D207" s="7"/>
    </row>
    <row r="208" spans="1:4" x14ac:dyDescent="0.3">
      <c r="A208" s="16"/>
      <c r="B208" s="16"/>
      <c r="D208" s="7"/>
    </row>
    <row r="209" spans="1:4" x14ac:dyDescent="0.3">
      <c r="A209" s="16"/>
      <c r="B209" s="16"/>
      <c r="D209" s="7"/>
    </row>
    <row r="210" spans="1:4" x14ac:dyDescent="0.3">
      <c r="A210" s="16"/>
      <c r="B210" s="16"/>
      <c r="D210" s="7"/>
    </row>
    <row r="211" spans="1:4" x14ac:dyDescent="0.3">
      <c r="A211" s="16"/>
      <c r="B211" s="16"/>
      <c r="D211" s="7"/>
    </row>
    <row r="212" spans="1:4" x14ac:dyDescent="0.3">
      <c r="A212" s="16"/>
      <c r="B212" s="16"/>
      <c r="D212" s="7"/>
    </row>
    <row r="213" spans="1:4" x14ac:dyDescent="0.3">
      <c r="A213" s="16"/>
      <c r="B213" s="16"/>
      <c r="D213" s="7"/>
    </row>
    <row r="214" spans="1:4" x14ac:dyDescent="0.3">
      <c r="A214" s="16"/>
      <c r="B214" s="16"/>
      <c r="D214" s="7"/>
    </row>
    <row r="215" spans="1:4" x14ac:dyDescent="0.3">
      <c r="A215" s="16"/>
      <c r="B215" s="16"/>
      <c r="D215" s="7"/>
    </row>
    <row r="216" spans="1:4" x14ac:dyDescent="0.3">
      <c r="A216" s="16"/>
      <c r="B216" s="16"/>
      <c r="D216" s="7"/>
    </row>
    <row r="217" spans="1:4" x14ac:dyDescent="0.3">
      <c r="A217" s="16"/>
      <c r="B217" s="16"/>
      <c r="D217" s="7"/>
    </row>
    <row r="218" spans="1:4" x14ac:dyDescent="0.3">
      <c r="A218" s="16"/>
      <c r="B218" s="16"/>
      <c r="D218" s="7"/>
    </row>
    <row r="219" spans="1:4" x14ac:dyDescent="0.3">
      <c r="A219" s="16"/>
      <c r="B219" s="16"/>
      <c r="D219" s="7"/>
    </row>
    <row r="220" spans="1:4" x14ac:dyDescent="0.3">
      <c r="A220" s="16"/>
      <c r="B220" s="16"/>
      <c r="D220" s="7"/>
    </row>
    <row r="221" spans="1:4" x14ac:dyDescent="0.3">
      <c r="A221" s="16"/>
      <c r="B221" s="16"/>
      <c r="D221" s="7"/>
    </row>
    <row r="222" spans="1:4" x14ac:dyDescent="0.3">
      <c r="A222" s="16"/>
      <c r="B222" s="16"/>
      <c r="D222" s="7"/>
    </row>
    <row r="223" spans="1:4" x14ac:dyDescent="0.3">
      <c r="A223" s="16"/>
      <c r="B223" s="16"/>
      <c r="D223" s="7"/>
    </row>
    <row r="224" spans="1:4" x14ac:dyDescent="0.3">
      <c r="A224" s="16"/>
      <c r="B224" s="16"/>
      <c r="D224" s="7"/>
    </row>
    <row r="225" spans="1:4" x14ac:dyDescent="0.3">
      <c r="A225" s="16"/>
      <c r="B225" s="16"/>
      <c r="D225" s="7"/>
    </row>
    <row r="226" spans="1:4" x14ac:dyDescent="0.3">
      <c r="A226" s="16"/>
      <c r="B226" s="16"/>
      <c r="D226" s="7"/>
    </row>
    <row r="227" spans="1:4" x14ac:dyDescent="0.3">
      <c r="A227" s="16"/>
      <c r="B227" s="16"/>
      <c r="D227" s="7"/>
    </row>
    <row r="228" spans="1:4" x14ac:dyDescent="0.3">
      <c r="A228" s="16"/>
      <c r="B228" s="16"/>
      <c r="D228" s="7"/>
    </row>
    <row r="229" spans="1:4" x14ac:dyDescent="0.3">
      <c r="A229" s="16"/>
      <c r="B229" s="16"/>
      <c r="D229" s="7"/>
    </row>
    <row r="230" spans="1:4" x14ac:dyDescent="0.3">
      <c r="A230" s="16"/>
      <c r="B230" s="16"/>
      <c r="D230" s="7"/>
    </row>
    <row r="231" spans="1:4" x14ac:dyDescent="0.3">
      <c r="A231" s="16"/>
      <c r="B231" s="16"/>
      <c r="D231" s="7"/>
    </row>
    <row r="232" spans="1:4" x14ac:dyDescent="0.3">
      <c r="A232" s="16"/>
      <c r="B232" s="16"/>
      <c r="D232" s="7"/>
    </row>
    <row r="233" spans="1:4" x14ac:dyDescent="0.3">
      <c r="A233" s="16"/>
      <c r="B233" s="16"/>
      <c r="D233" s="7"/>
    </row>
    <row r="234" spans="1:4" x14ac:dyDescent="0.3">
      <c r="A234" s="16"/>
      <c r="B234" s="16"/>
      <c r="D234" s="7"/>
    </row>
    <row r="235" spans="1:4" x14ac:dyDescent="0.3">
      <c r="A235" s="16"/>
      <c r="B235" s="16"/>
      <c r="D235" s="7"/>
    </row>
    <row r="236" spans="1:4" x14ac:dyDescent="0.3">
      <c r="A236" s="16"/>
      <c r="B236" s="16"/>
      <c r="D236" s="7"/>
    </row>
    <row r="237" spans="1:4" x14ac:dyDescent="0.3">
      <c r="A237" s="16"/>
      <c r="B237" s="16"/>
      <c r="D237" s="7"/>
    </row>
    <row r="238" spans="1:4" x14ac:dyDescent="0.3">
      <c r="A238" s="16"/>
      <c r="B238" s="16"/>
      <c r="D238" s="7"/>
    </row>
    <row r="239" spans="1:4" x14ac:dyDescent="0.3">
      <c r="A239" s="16"/>
      <c r="B239" s="16"/>
      <c r="D239" s="7"/>
    </row>
    <row r="240" spans="1:4" x14ac:dyDescent="0.3">
      <c r="A240" s="16"/>
      <c r="B240" s="16"/>
      <c r="D240" s="7"/>
    </row>
    <row r="241" spans="1:4" x14ac:dyDescent="0.3">
      <c r="A241" s="16"/>
      <c r="B241" s="16"/>
      <c r="D241" s="7"/>
    </row>
    <row r="242" spans="1:4" x14ac:dyDescent="0.3">
      <c r="A242" s="16"/>
      <c r="B242" s="16"/>
      <c r="D242" s="7"/>
    </row>
    <row r="243" spans="1:4" x14ac:dyDescent="0.3">
      <c r="A243" s="16"/>
      <c r="B243" s="16"/>
      <c r="D243" s="7"/>
    </row>
    <row r="244" spans="1:4" x14ac:dyDescent="0.3">
      <c r="A244" s="16"/>
      <c r="B244" s="16"/>
      <c r="D244" s="7"/>
    </row>
    <row r="245" spans="1:4" x14ac:dyDescent="0.3">
      <c r="A245" s="16"/>
      <c r="B245" s="16"/>
      <c r="D245" s="7"/>
    </row>
    <row r="246" spans="1:4" x14ac:dyDescent="0.3">
      <c r="A246" s="16"/>
      <c r="B246" s="16"/>
      <c r="D246" s="7"/>
    </row>
    <row r="247" spans="1:4" x14ac:dyDescent="0.3">
      <c r="A247" s="16"/>
      <c r="B247" s="16"/>
      <c r="D247" s="7"/>
    </row>
    <row r="248" spans="1:4" x14ac:dyDescent="0.3">
      <c r="A248" s="16"/>
      <c r="B248" s="16"/>
      <c r="D248" s="7"/>
    </row>
    <row r="249" spans="1:4" x14ac:dyDescent="0.3">
      <c r="A249" s="16"/>
      <c r="B249" s="16"/>
      <c r="D249" s="7"/>
    </row>
    <row r="250" spans="1:4" x14ac:dyDescent="0.3">
      <c r="A250" s="16"/>
      <c r="B250" s="16"/>
      <c r="D250" s="7"/>
    </row>
    <row r="251" spans="1:4" x14ac:dyDescent="0.3">
      <c r="A251" s="16"/>
      <c r="B251" s="16"/>
      <c r="D251" s="7"/>
    </row>
    <row r="252" spans="1:4" x14ac:dyDescent="0.3">
      <c r="A252" s="16"/>
      <c r="B252" s="16"/>
      <c r="D252" s="7"/>
    </row>
    <row r="253" spans="1:4" x14ac:dyDescent="0.3">
      <c r="A253" s="16"/>
      <c r="B253" s="16"/>
      <c r="D253" s="7"/>
    </row>
    <row r="254" spans="1:4" x14ac:dyDescent="0.3">
      <c r="A254" s="16"/>
      <c r="B254" s="16"/>
      <c r="D254" s="7"/>
    </row>
    <row r="255" spans="1:4" x14ac:dyDescent="0.3">
      <c r="A255" s="16"/>
      <c r="B255" s="16"/>
      <c r="D255" s="7"/>
    </row>
    <row r="256" spans="1:4" x14ac:dyDescent="0.3">
      <c r="A256" s="16"/>
      <c r="B256" s="16"/>
      <c r="D256" s="7"/>
    </row>
    <row r="257" spans="1:4" x14ac:dyDescent="0.3">
      <c r="A257" s="16"/>
      <c r="B257" s="16"/>
      <c r="D257" s="7"/>
    </row>
    <row r="258" spans="1:4" x14ac:dyDescent="0.3">
      <c r="A258" s="16"/>
      <c r="B258" s="16"/>
      <c r="D258" s="7"/>
    </row>
    <row r="259" spans="1:4" x14ac:dyDescent="0.3">
      <c r="A259" s="16"/>
      <c r="B259" s="16"/>
      <c r="D259" s="7"/>
    </row>
    <row r="260" spans="1:4" x14ac:dyDescent="0.3">
      <c r="A260" s="16"/>
      <c r="B260" s="16"/>
      <c r="D260" s="7"/>
    </row>
    <row r="261" spans="1:4" x14ac:dyDescent="0.3">
      <c r="A261" s="16"/>
      <c r="B261" s="16"/>
      <c r="D261" s="7"/>
    </row>
    <row r="262" spans="1:4" x14ac:dyDescent="0.3">
      <c r="A262" s="16"/>
      <c r="B262" s="16"/>
      <c r="D262" s="7"/>
    </row>
    <row r="263" spans="1:4" x14ac:dyDescent="0.3">
      <c r="A263" s="16"/>
      <c r="B263" s="16"/>
      <c r="D263" s="7"/>
    </row>
    <row r="264" spans="1:4" x14ac:dyDescent="0.3">
      <c r="A264" s="16"/>
      <c r="B264" s="16"/>
      <c r="D264" s="7"/>
    </row>
    <row r="265" spans="1:4" x14ac:dyDescent="0.3">
      <c r="A265" s="16"/>
      <c r="B265" s="16"/>
      <c r="D265" s="7"/>
    </row>
    <row r="266" spans="1:4" x14ac:dyDescent="0.3">
      <c r="A266" s="16"/>
      <c r="B266" s="16"/>
      <c r="D266" s="7"/>
    </row>
    <row r="267" spans="1:4" x14ac:dyDescent="0.3">
      <c r="A267" s="16"/>
      <c r="B267" s="16"/>
      <c r="D267" s="7"/>
    </row>
    <row r="268" spans="1:4" x14ac:dyDescent="0.3">
      <c r="A268" s="16"/>
      <c r="B268" s="16"/>
      <c r="D268" s="7"/>
    </row>
    <row r="269" spans="1:4" x14ac:dyDescent="0.3">
      <c r="A269" s="16"/>
      <c r="B269" s="16"/>
      <c r="D269" s="7"/>
    </row>
    <row r="270" spans="1:4" x14ac:dyDescent="0.3">
      <c r="A270" s="16"/>
      <c r="B270" s="16"/>
      <c r="D270" s="7"/>
    </row>
    <row r="271" spans="1:4" x14ac:dyDescent="0.3">
      <c r="A271" s="16"/>
      <c r="B271" s="16"/>
      <c r="D271" s="7"/>
    </row>
    <row r="272" spans="1:4" x14ac:dyDescent="0.3">
      <c r="A272" s="16"/>
      <c r="B272" s="16"/>
      <c r="D272" s="7"/>
    </row>
    <row r="273" spans="1:4" x14ac:dyDescent="0.3">
      <c r="A273" s="16"/>
      <c r="B273" s="16"/>
      <c r="D273" s="7"/>
    </row>
    <row r="274" spans="1:4" x14ac:dyDescent="0.3">
      <c r="A274" s="16"/>
      <c r="B274" s="16"/>
      <c r="D274" s="7"/>
    </row>
    <row r="275" spans="1:4" x14ac:dyDescent="0.3">
      <c r="A275" s="16"/>
      <c r="B275" s="16"/>
      <c r="D275" s="7"/>
    </row>
    <row r="276" spans="1:4" x14ac:dyDescent="0.3">
      <c r="A276" s="16"/>
      <c r="B276" s="16"/>
      <c r="D276" s="7"/>
    </row>
    <row r="277" spans="1:4" x14ac:dyDescent="0.3">
      <c r="A277" s="16"/>
      <c r="B277" s="16"/>
      <c r="D277" s="7"/>
    </row>
    <row r="278" spans="1:4" x14ac:dyDescent="0.3">
      <c r="A278" s="16"/>
      <c r="B278" s="16"/>
      <c r="D278" s="7"/>
    </row>
    <row r="279" spans="1:4" x14ac:dyDescent="0.3">
      <c r="A279" s="16"/>
      <c r="B279" s="16"/>
      <c r="D279" s="7"/>
    </row>
    <row r="280" spans="1:4" x14ac:dyDescent="0.3">
      <c r="A280" s="16"/>
      <c r="B280" s="16"/>
      <c r="D280" s="7"/>
    </row>
    <row r="281" spans="1:4" x14ac:dyDescent="0.3">
      <c r="A281" s="16"/>
      <c r="B281" s="16"/>
      <c r="D281" s="7"/>
    </row>
    <row r="282" spans="1:4" x14ac:dyDescent="0.3">
      <c r="A282" s="16"/>
      <c r="B282" s="16"/>
      <c r="D282" s="7"/>
    </row>
    <row r="283" spans="1:4" x14ac:dyDescent="0.3">
      <c r="A283" s="16"/>
      <c r="B283" s="16"/>
      <c r="D283" s="7"/>
    </row>
    <row r="284" spans="1:4" x14ac:dyDescent="0.3">
      <c r="A284" s="16"/>
      <c r="B284" s="16"/>
      <c r="D284" s="7"/>
    </row>
    <row r="285" spans="1:4" x14ac:dyDescent="0.3">
      <c r="A285" s="16"/>
      <c r="B285" s="16"/>
      <c r="D285" s="7"/>
    </row>
    <row r="286" spans="1:4" x14ac:dyDescent="0.3">
      <c r="A286" s="16"/>
      <c r="B286" s="16"/>
      <c r="D286" s="7"/>
    </row>
    <row r="287" spans="1:4" x14ac:dyDescent="0.3">
      <c r="A287" s="16"/>
      <c r="B287" s="16"/>
      <c r="D287" s="7"/>
    </row>
    <row r="288" spans="1:4" x14ac:dyDescent="0.3">
      <c r="A288" s="16"/>
      <c r="B288" s="16"/>
      <c r="D288" s="7"/>
    </row>
    <row r="289" spans="1:4" x14ac:dyDescent="0.3">
      <c r="A289" s="16"/>
      <c r="B289" s="16"/>
      <c r="D289" s="7"/>
    </row>
    <row r="290" spans="1:4" x14ac:dyDescent="0.3">
      <c r="A290" s="16"/>
      <c r="B290" s="16"/>
      <c r="D290" s="7"/>
    </row>
    <row r="291" spans="1:4" x14ac:dyDescent="0.3">
      <c r="A291" s="16"/>
      <c r="B291" s="16"/>
      <c r="D291" s="7"/>
    </row>
    <row r="292" spans="1:4" x14ac:dyDescent="0.3">
      <c r="A292" s="16"/>
      <c r="B292" s="16"/>
      <c r="D292" s="7"/>
    </row>
    <row r="293" spans="1:4" x14ac:dyDescent="0.3">
      <c r="A293" s="16"/>
      <c r="B293" s="16"/>
      <c r="D293" s="7"/>
    </row>
    <row r="294" spans="1:4" x14ac:dyDescent="0.3">
      <c r="A294" s="16"/>
      <c r="B294" s="16"/>
      <c r="D294" s="7"/>
    </row>
    <row r="295" spans="1:4" x14ac:dyDescent="0.3">
      <c r="A295" s="16"/>
      <c r="B295" s="16"/>
      <c r="D295" s="7"/>
    </row>
    <row r="296" spans="1:4" x14ac:dyDescent="0.3">
      <c r="A296" s="16"/>
      <c r="B296" s="16"/>
      <c r="D296" s="7"/>
    </row>
    <row r="297" spans="1:4" x14ac:dyDescent="0.3">
      <c r="A297" s="16"/>
      <c r="B297" s="16"/>
      <c r="D297" s="7"/>
    </row>
    <row r="298" spans="1:4" x14ac:dyDescent="0.3">
      <c r="A298" s="16"/>
      <c r="B298" s="16"/>
      <c r="D298" s="7"/>
    </row>
    <row r="299" spans="1:4" x14ac:dyDescent="0.3">
      <c r="A299" s="16"/>
      <c r="B299" s="16"/>
      <c r="D299" s="7"/>
    </row>
    <row r="300" spans="1:4" x14ac:dyDescent="0.3">
      <c r="A300" s="16"/>
      <c r="B300" s="16"/>
      <c r="D300" s="7"/>
    </row>
    <row r="301" spans="1:4" x14ac:dyDescent="0.3">
      <c r="A301" s="16"/>
      <c r="B301" s="16"/>
      <c r="D301" s="7"/>
    </row>
    <row r="302" spans="1:4" x14ac:dyDescent="0.3">
      <c r="A302" s="16"/>
      <c r="B302" s="16"/>
      <c r="D302" s="7"/>
    </row>
    <row r="303" spans="1:4" x14ac:dyDescent="0.3">
      <c r="A303" s="16"/>
      <c r="B303" s="16"/>
      <c r="D303" s="7"/>
    </row>
    <row r="304" spans="1:4" x14ac:dyDescent="0.3">
      <c r="A304" s="16"/>
      <c r="B304" s="16"/>
      <c r="D304" s="7"/>
    </row>
    <row r="305" spans="1:4" x14ac:dyDescent="0.3">
      <c r="A305" s="16"/>
      <c r="B305" s="16"/>
      <c r="D305" s="7"/>
    </row>
    <row r="306" spans="1:4" x14ac:dyDescent="0.3">
      <c r="A306" s="16"/>
      <c r="B306" s="16"/>
      <c r="D306" s="7"/>
    </row>
    <row r="307" spans="1:4" x14ac:dyDescent="0.3">
      <c r="A307" s="16"/>
      <c r="B307" s="16"/>
      <c r="D307" s="7"/>
    </row>
    <row r="308" spans="1:4" x14ac:dyDescent="0.3">
      <c r="A308" s="16"/>
      <c r="B308" s="16"/>
      <c r="D308" s="7"/>
    </row>
    <row r="309" spans="1:4" x14ac:dyDescent="0.3">
      <c r="A309" s="16"/>
      <c r="B309" s="16"/>
      <c r="D309" s="7"/>
    </row>
    <row r="310" spans="1:4" x14ac:dyDescent="0.3">
      <c r="A310" s="16"/>
      <c r="B310" s="16"/>
      <c r="D310" s="7"/>
    </row>
    <row r="311" spans="1:4" x14ac:dyDescent="0.3">
      <c r="A311" s="16"/>
      <c r="B311" s="16"/>
      <c r="D311" s="7"/>
    </row>
    <row r="312" spans="1:4" x14ac:dyDescent="0.3">
      <c r="A312" s="16"/>
      <c r="B312" s="16"/>
      <c r="D312" s="7"/>
    </row>
    <row r="313" spans="1:4" x14ac:dyDescent="0.3">
      <c r="A313" s="16"/>
      <c r="B313" s="16"/>
      <c r="D313" s="7"/>
    </row>
    <row r="314" spans="1:4" x14ac:dyDescent="0.3">
      <c r="A314" s="16"/>
      <c r="B314" s="16"/>
      <c r="D314" s="7"/>
    </row>
    <row r="315" spans="1:4" x14ac:dyDescent="0.3">
      <c r="A315" s="16"/>
      <c r="B315" s="16"/>
      <c r="D315" s="7"/>
    </row>
    <row r="316" spans="1:4" x14ac:dyDescent="0.3">
      <c r="A316" s="16"/>
      <c r="B316" s="16"/>
      <c r="D316" s="7"/>
    </row>
    <row r="317" spans="1:4" x14ac:dyDescent="0.3">
      <c r="A317" s="16"/>
      <c r="B317" s="16"/>
      <c r="D317" s="7"/>
    </row>
    <row r="318" spans="1:4" x14ac:dyDescent="0.3">
      <c r="A318" s="16"/>
      <c r="B318" s="16"/>
      <c r="D318" s="7"/>
    </row>
    <row r="319" spans="1:4" x14ac:dyDescent="0.3">
      <c r="A319" s="16"/>
      <c r="B319" s="16"/>
      <c r="D319" s="7"/>
    </row>
    <row r="320" spans="1:4" x14ac:dyDescent="0.3">
      <c r="A320" s="16"/>
      <c r="B320" s="16"/>
      <c r="D320" s="7"/>
    </row>
    <row r="321" spans="1:4" x14ac:dyDescent="0.3">
      <c r="A321" s="16"/>
      <c r="B321" s="16"/>
      <c r="D321" s="7"/>
    </row>
    <row r="322" spans="1:4" x14ac:dyDescent="0.3">
      <c r="A322" s="16"/>
      <c r="B322" s="16"/>
      <c r="D322" s="7"/>
    </row>
    <row r="323" spans="1:4" x14ac:dyDescent="0.3">
      <c r="A323" s="16"/>
      <c r="B323" s="16"/>
      <c r="D323" s="7"/>
    </row>
    <row r="324" spans="1:4" x14ac:dyDescent="0.3">
      <c r="A324" s="16"/>
      <c r="B324" s="16"/>
      <c r="D324" s="7"/>
    </row>
    <row r="325" spans="1:4" x14ac:dyDescent="0.3">
      <c r="A325" s="16"/>
      <c r="B325" s="16"/>
      <c r="D325" s="7"/>
    </row>
    <row r="326" spans="1:4" x14ac:dyDescent="0.3">
      <c r="A326" s="16"/>
      <c r="B326" s="16"/>
      <c r="D326" s="7"/>
    </row>
    <row r="327" spans="1:4" x14ac:dyDescent="0.3">
      <c r="A327" s="16"/>
      <c r="B327" s="16"/>
      <c r="D327" s="7"/>
    </row>
    <row r="328" spans="1:4" x14ac:dyDescent="0.3">
      <c r="A328" s="16"/>
      <c r="B328" s="16"/>
      <c r="D328" s="7"/>
    </row>
    <row r="329" spans="1:4" x14ac:dyDescent="0.3">
      <c r="A329" s="16"/>
      <c r="B329" s="16"/>
      <c r="D329" s="7"/>
    </row>
    <row r="330" spans="1:4" x14ac:dyDescent="0.3">
      <c r="A330" s="16"/>
      <c r="B330" s="16"/>
      <c r="D330" s="7"/>
    </row>
    <row r="331" spans="1:4" x14ac:dyDescent="0.3">
      <c r="A331" s="16"/>
      <c r="B331" s="16"/>
      <c r="D331" s="7"/>
    </row>
    <row r="332" spans="1:4" x14ac:dyDescent="0.3">
      <c r="A332" s="16"/>
      <c r="B332" s="16"/>
      <c r="D332" s="7"/>
    </row>
    <row r="333" spans="1:4" x14ac:dyDescent="0.3">
      <c r="A333" s="16"/>
      <c r="B333" s="16"/>
      <c r="D333" s="7"/>
    </row>
    <row r="334" spans="1:4" x14ac:dyDescent="0.3">
      <c r="A334" s="16"/>
      <c r="B334" s="16"/>
      <c r="D334" s="7"/>
    </row>
    <row r="335" spans="1:4" x14ac:dyDescent="0.3">
      <c r="A335" s="16"/>
      <c r="B335" s="16"/>
      <c r="D335" s="7"/>
    </row>
    <row r="336" spans="1:4" x14ac:dyDescent="0.3">
      <c r="A336" s="16"/>
      <c r="B336" s="16"/>
      <c r="D336" s="7"/>
    </row>
    <row r="337" spans="1:4" x14ac:dyDescent="0.3">
      <c r="A337" s="16"/>
      <c r="B337" s="16"/>
      <c r="D337" s="7"/>
    </row>
    <row r="338" spans="1:4" x14ac:dyDescent="0.3">
      <c r="A338" s="16"/>
      <c r="B338" s="16"/>
      <c r="D338" s="7"/>
    </row>
    <row r="339" spans="1:4" x14ac:dyDescent="0.3">
      <c r="A339" s="16"/>
      <c r="B339" s="16"/>
      <c r="D339" s="7"/>
    </row>
    <row r="340" spans="1:4" x14ac:dyDescent="0.3">
      <c r="A340" s="16"/>
      <c r="B340" s="16"/>
      <c r="D340" s="7"/>
    </row>
    <row r="341" spans="1:4" x14ac:dyDescent="0.3">
      <c r="A341" s="16"/>
      <c r="B341" s="16"/>
      <c r="D341" s="7"/>
    </row>
    <row r="342" spans="1:4" x14ac:dyDescent="0.3">
      <c r="A342" s="16"/>
      <c r="B342" s="16"/>
      <c r="D342" s="7"/>
    </row>
    <row r="343" spans="1:4" x14ac:dyDescent="0.3">
      <c r="A343" s="16"/>
      <c r="B343" s="16"/>
      <c r="D343" s="7"/>
    </row>
    <row r="344" spans="1:4" x14ac:dyDescent="0.3">
      <c r="A344" s="16"/>
      <c r="B344" s="16"/>
      <c r="D344" s="7"/>
    </row>
    <row r="345" spans="1:4" x14ac:dyDescent="0.3">
      <c r="A345" s="16"/>
      <c r="B345" s="16"/>
      <c r="D345" s="7"/>
    </row>
    <row r="346" spans="1:4" x14ac:dyDescent="0.3">
      <c r="A346" s="16"/>
      <c r="B346" s="16"/>
      <c r="D346" s="7"/>
    </row>
    <row r="347" spans="1:4" x14ac:dyDescent="0.3">
      <c r="A347" s="16"/>
      <c r="B347" s="16"/>
      <c r="D347" s="7"/>
    </row>
    <row r="348" spans="1:4" x14ac:dyDescent="0.3">
      <c r="A348" s="16"/>
      <c r="B348" s="16"/>
      <c r="D348" s="7"/>
    </row>
    <row r="349" spans="1:4" x14ac:dyDescent="0.3">
      <c r="A349" s="16"/>
      <c r="B349" s="16"/>
      <c r="D349" s="7"/>
    </row>
    <row r="350" spans="1:4" x14ac:dyDescent="0.3">
      <c r="A350" s="16"/>
      <c r="B350" s="16"/>
      <c r="D350" s="7"/>
    </row>
    <row r="351" spans="1:4" x14ac:dyDescent="0.3">
      <c r="A351" s="16"/>
      <c r="B351" s="16"/>
      <c r="D351" s="7"/>
    </row>
    <row r="352" spans="1:4" x14ac:dyDescent="0.3">
      <c r="A352" s="16"/>
      <c r="B352" s="16"/>
      <c r="D352" s="7"/>
    </row>
    <row r="353" spans="1:4" x14ac:dyDescent="0.3">
      <c r="A353" s="16"/>
      <c r="B353" s="16"/>
      <c r="D353" s="7"/>
    </row>
    <row r="354" spans="1:4" x14ac:dyDescent="0.3">
      <c r="A354" s="16"/>
      <c r="B354" s="16"/>
      <c r="D354" s="7"/>
    </row>
    <row r="355" spans="1:4" x14ac:dyDescent="0.3">
      <c r="A355" s="16"/>
      <c r="B355" s="16"/>
      <c r="D355" s="7"/>
    </row>
    <row r="356" spans="1:4" x14ac:dyDescent="0.3">
      <c r="A356" s="16"/>
      <c r="B356" s="16"/>
      <c r="D356" s="7"/>
    </row>
    <row r="357" spans="1:4" x14ac:dyDescent="0.3">
      <c r="A357" s="16"/>
      <c r="B357" s="16"/>
      <c r="D357" s="7"/>
    </row>
    <row r="358" spans="1:4" x14ac:dyDescent="0.3">
      <c r="A358" s="16"/>
      <c r="B358" s="16"/>
      <c r="D358" s="7"/>
    </row>
    <row r="359" spans="1:4" x14ac:dyDescent="0.3">
      <c r="A359" s="16"/>
      <c r="B359" s="16"/>
      <c r="D359" s="7"/>
    </row>
    <row r="360" spans="1:4" x14ac:dyDescent="0.3">
      <c r="A360" s="16"/>
      <c r="B360" s="16"/>
      <c r="D360" s="7"/>
    </row>
    <row r="361" spans="1:4" x14ac:dyDescent="0.3">
      <c r="A361" s="16"/>
      <c r="B361" s="16"/>
      <c r="D361" s="7"/>
    </row>
    <row r="362" spans="1:4" x14ac:dyDescent="0.3">
      <c r="A362" s="16"/>
      <c r="B362" s="16"/>
      <c r="D362" s="7"/>
    </row>
    <row r="363" spans="1:4" x14ac:dyDescent="0.3">
      <c r="A363" s="16"/>
      <c r="B363" s="16"/>
      <c r="D363" s="7"/>
    </row>
    <row r="364" spans="1:4" x14ac:dyDescent="0.3">
      <c r="A364" s="16"/>
      <c r="B364" s="16"/>
      <c r="D364" s="7"/>
    </row>
    <row r="365" spans="1:4" x14ac:dyDescent="0.3">
      <c r="A365" s="16"/>
      <c r="B365" s="16"/>
      <c r="D365" s="7"/>
    </row>
    <row r="366" spans="1:4" x14ac:dyDescent="0.3">
      <c r="A366" s="16"/>
      <c r="B366" s="16"/>
      <c r="D366" s="7"/>
    </row>
    <row r="367" spans="1:4" x14ac:dyDescent="0.3">
      <c r="A367" s="16"/>
      <c r="B367" s="16"/>
      <c r="D367" s="7"/>
    </row>
    <row r="368" spans="1:4" x14ac:dyDescent="0.3">
      <c r="A368" s="16"/>
      <c r="B368" s="16"/>
      <c r="D368" s="7"/>
    </row>
    <row r="369" spans="1:4" x14ac:dyDescent="0.3">
      <c r="A369" s="16"/>
      <c r="B369" s="16"/>
      <c r="D369" s="7"/>
    </row>
    <row r="370" spans="1:4" x14ac:dyDescent="0.3">
      <c r="A370" s="16"/>
      <c r="B370" s="16"/>
      <c r="D370" s="7"/>
    </row>
    <row r="371" spans="1:4" x14ac:dyDescent="0.3">
      <c r="A371" s="16"/>
      <c r="B371" s="16"/>
      <c r="D371" s="7"/>
    </row>
    <row r="372" spans="1:4" x14ac:dyDescent="0.3">
      <c r="A372" s="16"/>
      <c r="B372" s="16"/>
      <c r="D372" s="7"/>
    </row>
    <row r="373" spans="1:4" x14ac:dyDescent="0.3">
      <c r="A373" s="16"/>
      <c r="B373" s="16"/>
      <c r="D373" s="7"/>
    </row>
    <row r="374" spans="1:4" x14ac:dyDescent="0.3">
      <c r="A374" s="16"/>
      <c r="B374" s="16"/>
      <c r="D374" s="7"/>
    </row>
    <row r="375" spans="1:4" x14ac:dyDescent="0.3">
      <c r="A375" s="16"/>
      <c r="B375" s="16"/>
      <c r="D375" s="7"/>
    </row>
    <row r="376" spans="1:4" x14ac:dyDescent="0.3">
      <c r="A376" s="16"/>
      <c r="B376" s="16"/>
      <c r="D376" s="7"/>
    </row>
    <row r="377" spans="1:4" x14ac:dyDescent="0.3">
      <c r="A377" s="16"/>
      <c r="B377" s="16"/>
      <c r="D377" s="7"/>
    </row>
    <row r="378" spans="1:4" x14ac:dyDescent="0.3">
      <c r="A378" s="16"/>
      <c r="B378" s="16"/>
      <c r="D378" s="7"/>
    </row>
    <row r="379" spans="1:4" x14ac:dyDescent="0.3">
      <c r="A379" s="16"/>
      <c r="B379" s="16"/>
      <c r="D379" s="7"/>
    </row>
    <row r="380" spans="1:4" x14ac:dyDescent="0.3">
      <c r="A380" s="16"/>
      <c r="B380" s="16"/>
      <c r="D380" s="7"/>
    </row>
    <row r="381" spans="1:4" x14ac:dyDescent="0.3">
      <c r="A381" s="16"/>
      <c r="B381" s="16"/>
      <c r="D381" s="7"/>
    </row>
    <row r="382" spans="1:4" x14ac:dyDescent="0.3">
      <c r="A382" s="16"/>
      <c r="B382" s="16"/>
      <c r="D382" s="7"/>
    </row>
    <row r="383" spans="1:4" x14ac:dyDescent="0.3">
      <c r="A383" s="16"/>
      <c r="B383" s="16"/>
      <c r="D383" s="7"/>
    </row>
    <row r="384" spans="1:4" x14ac:dyDescent="0.3">
      <c r="A384" s="16"/>
      <c r="B384" s="16"/>
      <c r="D384" s="7"/>
    </row>
    <row r="385" spans="1:4" x14ac:dyDescent="0.3">
      <c r="A385" s="16"/>
      <c r="B385" s="16"/>
      <c r="D385" s="7"/>
    </row>
    <row r="386" spans="1:4" x14ac:dyDescent="0.3">
      <c r="A386" s="16"/>
      <c r="B386" s="16"/>
      <c r="D386" s="7"/>
    </row>
    <row r="387" spans="1:4" x14ac:dyDescent="0.3">
      <c r="A387" s="16"/>
      <c r="B387" s="16"/>
      <c r="D387" s="7"/>
    </row>
    <row r="388" spans="1:4" x14ac:dyDescent="0.3">
      <c r="A388" s="16"/>
      <c r="B388" s="16"/>
      <c r="D388" s="7"/>
    </row>
    <row r="389" spans="1:4" x14ac:dyDescent="0.3">
      <c r="A389" s="16"/>
      <c r="B389" s="16"/>
      <c r="D389" s="7"/>
    </row>
    <row r="390" spans="1:4" x14ac:dyDescent="0.3">
      <c r="A390" s="16"/>
      <c r="B390" s="16"/>
      <c r="D390" s="7"/>
    </row>
    <row r="391" spans="1:4" x14ac:dyDescent="0.3">
      <c r="A391" s="16"/>
      <c r="B391" s="16"/>
      <c r="D391" s="7"/>
    </row>
    <row r="392" spans="1:4" x14ac:dyDescent="0.3">
      <c r="A392" s="16"/>
      <c r="B392" s="16"/>
      <c r="D392" s="7"/>
    </row>
    <row r="393" spans="1:4" x14ac:dyDescent="0.3">
      <c r="A393" s="16"/>
      <c r="B393" s="16"/>
      <c r="D393" s="7"/>
    </row>
    <row r="394" spans="1:4" x14ac:dyDescent="0.3">
      <c r="A394" s="16"/>
      <c r="B394" s="16"/>
      <c r="D394" s="7"/>
    </row>
    <row r="395" spans="1:4" x14ac:dyDescent="0.3">
      <c r="A395" s="16"/>
      <c r="B395" s="16"/>
      <c r="D395" s="7"/>
    </row>
    <row r="396" spans="1:4" x14ac:dyDescent="0.3">
      <c r="A396" s="16"/>
      <c r="B396" s="16"/>
      <c r="D396" s="7"/>
    </row>
    <row r="397" spans="1:4" x14ac:dyDescent="0.3">
      <c r="A397" s="16"/>
      <c r="B397" s="16"/>
      <c r="D397" s="7"/>
    </row>
    <row r="398" spans="1:4" x14ac:dyDescent="0.3">
      <c r="A398" s="16"/>
      <c r="B398" s="16"/>
      <c r="D398" s="7"/>
    </row>
    <row r="399" spans="1:4" x14ac:dyDescent="0.3">
      <c r="A399" s="16"/>
      <c r="B399" s="16"/>
      <c r="D399" s="7"/>
    </row>
    <row r="400" spans="1:4" x14ac:dyDescent="0.3">
      <c r="A400" s="16"/>
      <c r="B400" s="16"/>
      <c r="D400" s="7"/>
    </row>
    <row r="401" spans="1:4" x14ac:dyDescent="0.3">
      <c r="A401" s="16"/>
      <c r="B401" s="16"/>
      <c r="D401" s="7"/>
    </row>
    <row r="402" spans="1:4" x14ac:dyDescent="0.3">
      <c r="A402" s="16"/>
      <c r="B402" s="16"/>
      <c r="D402" s="7"/>
    </row>
    <row r="403" spans="1:4" x14ac:dyDescent="0.3">
      <c r="A403" s="16"/>
      <c r="B403" s="16"/>
      <c r="D403" s="7"/>
    </row>
    <row r="404" spans="1:4" x14ac:dyDescent="0.3">
      <c r="A404" s="16"/>
      <c r="B404" s="16"/>
      <c r="D404" s="7"/>
    </row>
    <row r="405" spans="1:4" x14ac:dyDescent="0.3">
      <c r="A405" s="16"/>
      <c r="B405" s="16"/>
      <c r="D405" s="7"/>
    </row>
    <row r="406" spans="1:4" x14ac:dyDescent="0.3">
      <c r="A406" s="16"/>
      <c r="B406" s="16"/>
      <c r="D406" s="7"/>
    </row>
    <row r="407" spans="1:4" x14ac:dyDescent="0.3">
      <c r="A407" s="16"/>
      <c r="B407" s="16"/>
      <c r="D407" s="7"/>
    </row>
    <row r="408" spans="1:4" x14ac:dyDescent="0.3">
      <c r="A408" s="16"/>
      <c r="B408" s="16"/>
      <c r="D408" s="7"/>
    </row>
    <row r="409" spans="1:4" x14ac:dyDescent="0.3">
      <c r="A409" s="16"/>
      <c r="B409" s="16"/>
      <c r="D409" s="7"/>
    </row>
    <row r="410" spans="1:4" x14ac:dyDescent="0.3">
      <c r="A410" s="16"/>
      <c r="B410" s="16"/>
      <c r="D410" s="7"/>
    </row>
    <row r="411" spans="1:4" x14ac:dyDescent="0.3">
      <c r="A411" s="16"/>
      <c r="B411" s="16"/>
      <c r="D411" s="7"/>
    </row>
    <row r="412" spans="1:4" x14ac:dyDescent="0.3">
      <c r="A412" s="16"/>
      <c r="B412" s="16"/>
      <c r="D412" s="7"/>
    </row>
    <row r="413" spans="1:4" x14ac:dyDescent="0.3">
      <c r="A413" s="16"/>
      <c r="B413" s="16"/>
      <c r="D413" s="7"/>
    </row>
    <row r="414" spans="1:4" x14ac:dyDescent="0.3">
      <c r="A414" s="16"/>
      <c r="B414" s="16"/>
      <c r="D414" s="7"/>
    </row>
    <row r="415" spans="1:4" x14ac:dyDescent="0.3">
      <c r="A415" s="16"/>
      <c r="B415" s="16"/>
      <c r="D415" s="7"/>
    </row>
    <row r="416" spans="1:4" x14ac:dyDescent="0.3">
      <c r="A416" s="16"/>
      <c r="B416" s="16"/>
      <c r="D416" s="7"/>
    </row>
    <row r="417" spans="1:4" x14ac:dyDescent="0.3">
      <c r="A417" s="16"/>
      <c r="B417" s="16"/>
      <c r="D417" s="7"/>
    </row>
    <row r="418" spans="1:4" x14ac:dyDescent="0.3">
      <c r="A418" s="16"/>
      <c r="B418" s="16"/>
      <c r="D418" s="7"/>
    </row>
    <row r="419" spans="1:4" x14ac:dyDescent="0.3">
      <c r="A419" s="16"/>
      <c r="B419" s="16"/>
      <c r="D419" s="7"/>
    </row>
    <row r="420" spans="1:4" x14ac:dyDescent="0.3">
      <c r="A420" s="16"/>
      <c r="B420" s="16"/>
      <c r="D420" s="7"/>
    </row>
    <row r="421" spans="1:4" x14ac:dyDescent="0.3">
      <c r="A421" s="16"/>
      <c r="B421" s="16"/>
      <c r="D421" s="7"/>
    </row>
    <row r="422" spans="1:4" x14ac:dyDescent="0.3">
      <c r="A422" s="16"/>
      <c r="B422" s="16"/>
      <c r="D422" s="7"/>
    </row>
    <row r="423" spans="1:4" x14ac:dyDescent="0.3">
      <c r="A423" s="16"/>
      <c r="B423" s="16"/>
      <c r="D423" s="7"/>
    </row>
    <row r="424" spans="1:4" x14ac:dyDescent="0.3">
      <c r="A424" s="16"/>
      <c r="B424" s="16"/>
      <c r="D424" s="7"/>
    </row>
    <row r="425" spans="1:4" x14ac:dyDescent="0.3">
      <c r="A425" s="16"/>
      <c r="B425" s="16"/>
      <c r="D425" s="7"/>
    </row>
    <row r="426" spans="1:4" x14ac:dyDescent="0.3">
      <c r="A426" s="16"/>
      <c r="B426" s="16"/>
      <c r="D426" s="7"/>
    </row>
    <row r="427" spans="1:4" x14ac:dyDescent="0.3">
      <c r="A427" s="16"/>
      <c r="B427" s="16"/>
      <c r="D427" s="7"/>
    </row>
    <row r="428" spans="1:4" x14ac:dyDescent="0.3">
      <c r="A428" s="16"/>
      <c r="B428" s="16"/>
      <c r="D428" s="7"/>
    </row>
    <row r="429" spans="1:4" x14ac:dyDescent="0.3">
      <c r="A429" s="16"/>
      <c r="B429" s="16"/>
      <c r="D429" s="7"/>
    </row>
    <row r="430" spans="1:4" x14ac:dyDescent="0.3">
      <c r="A430" s="16"/>
      <c r="B430" s="16"/>
      <c r="D430" s="7"/>
    </row>
    <row r="431" spans="1:4" x14ac:dyDescent="0.3">
      <c r="A431" s="16"/>
      <c r="B431" s="16"/>
      <c r="D431" s="7"/>
    </row>
    <row r="432" spans="1:4" x14ac:dyDescent="0.3">
      <c r="A432" s="16"/>
      <c r="B432" s="16"/>
      <c r="D432" s="7"/>
    </row>
    <row r="433" spans="1:4" x14ac:dyDescent="0.3">
      <c r="A433" s="16"/>
      <c r="B433" s="16"/>
      <c r="D433" s="7"/>
    </row>
    <row r="434" spans="1:4" x14ac:dyDescent="0.3">
      <c r="A434" s="16"/>
      <c r="B434" s="16"/>
      <c r="D434" s="7"/>
    </row>
    <row r="435" spans="1:4" x14ac:dyDescent="0.3">
      <c r="A435" s="16"/>
      <c r="B435" s="16"/>
      <c r="D435" s="7"/>
    </row>
    <row r="436" spans="1:4" x14ac:dyDescent="0.3">
      <c r="A436" s="16"/>
      <c r="B436" s="16"/>
      <c r="D436" s="7"/>
    </row>
    <row r="437" spans="1:4" x14ac:dyDescent="0.3">
      <c r="A437" s="16"/>
      <c r="B437" s="16"/>
      <c r="D437" s="7"/>
    </row>
    <row r="438" spans="1:4" x14ac:dyDescent="0.3">
      <c r="A438" s="16"/>
      <c r="B438" s="16"/>
      <c r="D438" s="7"/>
    </row>
    <row r="439" spans="1:4" x14ac:dyDescent="0.3">
      <c r="A439" s="16"/>
      <c r="B439" s="16"/>
      <c r="D439" s="7"/>
    </row>
    <row r="440" spans="1:4" x14ac:dyDescent="0.3">
      <c r="A440" s="16"/>
      <c r="B440" s="16"/>
      <c r="D440" s="7"/>
    </row>
    <row r="441" spans="1:4" x14ac:dyDescent="0.3">
      <c r="A441" s="16"/>
      <c r="B441" s="16"/>
      <c r="D441" s="7"/>
    </row>
    <row r="442" spans="1:4" x14ac:dyDescent="0.3">
      <c r="A442" s="16"/>
      <c r="B442" s="16"/>
      <c r="D442" s="7"/>
    </row>
    <row r="443" spans="1:4" x14ac:dyDescent="0.3">
      <c r="A443" s="16"/>
      <c r="B443" s="16"/>
      <c r="D443" s="7"/>
    </row>
    <row r="444" spans="1:4" x14ac:dyDescent="0.3">
      <c r="A444" s="16"/>
      <c r="B444" s="16"/>
      <c r="D444" s="7"/>
    </row>
    <row r="445" spans="1:4" x14ac:dyDescent="0.3">
      <c r="A445" s="16"/>
      <c r="B445" s="16"/>
      <c r="D445" s="7"/>
    </row>
    <row r="446" spans="1:4" x14ac:dyDescent="0.3">
      <c r="A446" s="16"/>
      <c r="B446" s="16"/>
      <c r="D446" s="7"/>
    </row>
    <row r="447" spans="1:4" x14ac:dyDescent="0.3">
      <c r="A447" s="16"/>
      <c r="B447" s="16"/>
      <c r="D447" s="7"/>
    </row>
    <row r="448" spans="1:4" x14ac:dyDescent="0.3">
      <c r="A448" s="16"/>
      <c r="B448" s="16"/>
      <c r="D448" s="7"/>
    </row>
    <row r="449" spans="1:4" x14ac:dyDescent="0.3">
      <c r="A449" s="16"/>
      <c r="B449" s="16"/>
      <c r="D449" s="7"/>
    </row>
    <row r="450" spans="1:4" x14ac:dyDescent="0.3">
      <c r="A450" s="16"/>
      <c r="B450" s="16"/>
      <c r="D450" s="7"/>
    </row>
    <row r="451" spans="1:4" x14ac:dyDescent="0.3">
      <c r="A451" s="16"/>
      <c r="B451" s="16"/>
      <c r="D451" s="7"/>
    </row>
    <row r="452" spans="1:4" x14ac:dyDescent="0.3">
      <c r="A452" s="16"/>
      <c r="B452" s="16"/>
      <c r="D452" s="7"/>
    </row>
    <row r="453" spans="1:4" x14ac:dyDescent="0.3">
      <c r="A453" s="16"/>
      <c r="B453" s="16"/>
      <c r="D453" s="7"/>
    </row>
    <row r="454" spans="1:4" x14ac:dyDescent="0.3">
      <c r="A454" s="16"/>
      <c r="B454" s="16"/>
      <c r="D454" s="7"/>
    </row>
    <row r="455" spans="1:4" x14ac:dyDescent="0.3">
      <c r="A455" s="16"/>
      <c r="B455" s="16"/>
      <c r="D455" s="7"/>
    </row>
    <row r="456" spans="1:4" x14ac:dyDescent="0.3">
      <c r="A456" s="16"/>
      <c r="B456" s="16"/>
      <c r="D456" s="7"/>
    </row>
    <row r="457" spans="1:4" x14ac:dyDescent="0.3">
      <c r="A457" s="16"/>
      <c r="B457" s="16"/>
      <c r="D457" s="7"/>
    </row>
    <row r="458" spans="1:4" x14ac:dyDescent="0.3">
      <c r="A458" s="16"/>
      <c r="B458" s="16"/>
      <c r="D458" s="7"/>
    </row>
    <row r="459" spans="1:4" x14ac:dyDescent="0.3">
      <c r="A459" s="16"/>
      <c r="B459" s="16"/>
      <c r="D459" s="7"/>
    </row>
    <row r="460" spans="1:4" x14ac:dyDescent="0.3">
      <c r="A460" s="16"/>
      <c r="B460" s="16"/>
      <c r="D460" s="7"/>
    </row>
    <row r="461" spans="1:4" x14ac:dyDescent="0.3">
      <c r="A461" s="16"/>
      <c r="B461" s="16"/>
      <c r="D461" s="7"/>
    </row>
    <row r="462" spans="1:4" x14ac:dyDescent="0.3">
      <c r="A462" s="16"/>
      <c r="B462" s="16"/>
      <c r="D462" s="7"/>
    </row>
    <row r="463" spans="1:4" x14ac:dyDescent="0.3">
      <c r="A463" s="16"/>
      <c r="B463" s="16"/>
      <c r="D463" s="7"/>
    </row>
    <row r="464" spans="1:4" x14ac:dyDescent="0.3">
      <c r="A464" s="16"/>
      <c r="B464" s="16"/>
      <c r="D464" s="7"/>
    </row>
    <row r="465" spans="1:4" x14ac:dyDescent="0.3">
      <c r="A465" s="16"/>
      <c r="B465" s="16"/>
      <c r="D465" s="7"/>
    </row>
    <row r="466" spans="1:4" x14ac:dyDescent="0.3">
      <c r="A466" s="16"/>
      <c r="B466" s="16"/>
      <c r="D466" s="7"/>
    </row>
    <row r="467" spans="1:4" x14ac:dyDescent="0.3">
      <c r="A467" s="16"/>
      <c r="B467" s="16"/>
      <c r="D467" s="7"/>
    </row>
    <row r="468" spans="1:4" x14ac:dyDescent="0.3">
      <c r="A468" s="16"/>
      <c r="B468" s="16"/>
      <c r="D468" s="7"/>
    </row>
    <row r="469" spans="1:4" x14ac:dyDescent="0.3">
      <c r="A469" s="16"/>
      <c r="B469" s="16"/>
      <c r="D469" s="7"/>
    </row>
    <row r="470" spans="1:4" x14ac:dyDescent="0.3">
      <c r="A470" s="16"/>
      <c r="B470" s="16"/>
      <c r="D470" s="7"/>
    </row>
    <row r="471" spans="1:4" x14ac:dyDescent="0.3">
      <c r="A471" s="16"/>
      <c r="B471" s="16"/>
      <c r="D471" s="7"/>
    </row>
    <row r="472" spans="1:4" x14ac:dyDescent="0.3">
      <c r="A472" s="16"/>
      <c r="B472" s="16"/>
      <c r="D472" s="7"/>
    </row>
    <row r="473" spans="1:4" x14ac:dyDescent="0.3">
      <c r="A473" s="16"/>
      <c r="B473" s="16"/>
      <c r="D473" s="7"/>
    </row>
    <row r="474" spans="1:4" x14ac:dyDescent="0.3">
      <c r="A474" s="16"/>
      <c r="B474" s="16"/>
      <c r="D474" s="7"/>
    </row>
    <row r="475" spans="1:4" x14ac:dyDescent="0.3">
      <c r="A475" s="16"/>
      <c r="B475" s="16"/>
      <c r="D475" s="7"/>
    </row>
    <row r="476" spans="1:4" x14ac:dyDescent="0.3">
      <c r="A476" s="16"/>
      <c r="B476" s="16"/>
      <c r="D476" s="7"/>
    </row>
    <row r="477" spans="1:4" x14ac:dyDescent="0.3">
      <c r="A477" s="16"/>
      <c r="B477" s="16"/>
      <c r="D477" s="7"/>
    </row>
    <row r="478" spans="1:4" x14ac:dyDescent="0.3">
      <c r="A478" s="16"/>
      <c r="B478" s="16"/>
      <c r="D478" s="7"/>
    </row>
    <row r="479" spans="1:4" x14ac:dyDescent="0.3">
      <c r="A479" s="16"/>
      <c r="B479" s="16"/>
      <c r="D479" s="7"/>
    </row>
    <row r="480" spans="1:4" x14ac:dyDescent="0.3">
      <c r="A480" s="16"/>
      <c r="B480" s="16"/>
      <c r="D480" s="7"/>
    </row>
    <row r="481" spans="1:4" x14ac:dyDescent="0.3">
      <c r="A481" s="16"/>
      <c r="B481" s="16"/>
      <c r="D481" s="7"/>
    </row>
    <row r="482" spans="1:4" x14ac:dyDescent="0.3">
      <c r="A482" s="16"/>
      <c r="B482" s="16"/>
      <c r="D482" s="7"/>
    </row>
    <row r="483" spans="1:4" x14ac:dyDescent="0.3">
      <c r="A483" s="16"/>
      <c r="B483" s="16"/>
      <c r="D483" s="7"/>
    </row>
    <row r="484" spans="1:4" x14ac:dyDescent="0.3">
      <c r="A484" s="16"/>
      <c r="B484" s="16"/>
      <c r="D484" s="7"/>
    </row>
    <row r="485" spans="1:4" x14ac:dyDescent="0.3">
      <c r="A485" s="16"/>
      <c r="B485" s="16"/>
      <c r="D485" s="7"/>
    </row>
    <row r="486" spans="1:4" x14ac:dyDescent="0.3">
      <c r="A486" s="16"/>
      <c r="B486" s="16"/>
      <c r="D486" s="7"/>
    </row>
    <row r="487" spans="1:4" x14ac:dyDescent="0.3">
      <c r="A487" s="16"/>
      <c r="B487" s="16"/>
      <c r="D487" s="7"/>
    </row>
    <row r="488" spans="1:4" x14ac:dyDescent="0.3">
      <c r="A488" s="16"/>
      <c r="B488" s="16"/>
      <c r="D488" s="7"/>
    </row>
    <row r="489" spans="1:4" x14ac:dyDescent="0.3">
      <c r="A489" s="16"/>
      <c r="B489" s="16"/>
      <c r="D489" s="7"/>
    </row>
    <row r="490" spans="1:4" x14ac:dyDescent="0.3">
      <c r="A490" s="16"/>
      <c r="B490" s="16"/>
      <c r="D490" s="7"/>
    </row>
    <row r="491" spans="1:4" x14ac:dyDescent="0.3">
      <c r="A491" s="16"/>
      <c r="B491" s="16"/>
      <c r="D491" s="7"/>
    </row>
    <row r="492" spans="1:4" x14ac:dyDescent="0.3">
      <c r="A492" s="16"/>
      <c r="B492" s="16"/>
      <c r="D492" s="7"/>
    </row>
    <row r="493" spans="1:4" x14ac:dyDescent="0.3">
      <c r="A493" s="16"/>
      <c r="B493" s="16"/>
      <c r="D493" s="7"/>
    </row>
    <row r="494" spans="1:4" x14ac:dyDescent="0.3">
      <c r="A494" s="16"/>
      <c r="B494" s="16"/>
      <c r="D494" s="7"/>
    </row>
    <row r="495" spans="1:4" x14ac:dyDescent="0.3">
      <c r="A495" s="16"/>
      <c r="B495" s="16"/>
      <c r="D495" s="7"/>
    </row>
    <row r="496" spans="1:4" x14ac:dyDescent="0.3">
      <c r="A496" s="16"/>
      <c r="B496" s="16"/>
      <c r="D496" s="7"/>
    </row>
    <row r="497" spans="1:4" x14ac:dyDescent="0.3">
      <c r="A497" s="16"/>
      <c r="B497" s="16"/>
      <c r="D497" s="7"/>
    </row>
    <row r="498" spans="1:4" x14ac:dyDescent="0.3">
      <c r="A498" s="16"/>
      <c r="B498" s="16"/>
      <c r="D498" s="7"/>
    </row>
    <row r="499" spans="1:4" x14ac:dyDescent="0.3">
      <c r="A499" s="16"/>
      <c r="B499" s="16"/>
      <c r="D499" s="7"/>
    </row>
    <row r="500" spans="1:4" x14ac:dyDescent="0.3">
      <c r="A500" s="16"/>
      <c r="B500" s="16"/>
      <c r="D500" s="7"/>
    </row>
    <row r="501" spans="1:4" x14ac:dyDescent="0.3">
      <c r="A501" s="16"/>
      <c r="B501" s="16"/>
      <c r="D501" s="7"/>
    </row>
    <row r="502" spans="1:4" x14ac:dyDescent="0.3">
      <c r="A502" s="16"/>
      <c r="B502" s="16"/>
      <c r="D502" s="7"/>
    </row>
    <row r="503" spans="1:4" x14ac:dyDescent="0.3">
      <c r="A503" s="16"/>
      <c r="B503" s="16"/>
      <c r="D503" s="7"/>
    </row>
    <row r="504" spans="1:4" x14ac:dyDescent="0.3">
      <c r="A504" s="16"/>
      <c r="B504" s="16"/>
      <c r="D504" s="7"/>
    </row>
    <row r="505" spans="1:4" x14ac:dyDescent="0.3">
      <c r="A505" s="16"/>
      <c r="B505" s="16"/>
      <c r="D505" s="7"/>
    </row>
    <row r="506" spans="1:4" x14ac:dyDescent="0.3">
      <c r="A506" s="16"/>
      <c r="B506" s="16"/>
      <c r="D506" s="7"/>
    </row>
    <row r="507" spans="1:4" x14ac:dyDescent="0.3">
      <c r="A507" s="16"/>
      <c r="B507" s="16"/>
      <c r="D507" s="7"/>
    </row>
    <row r="508" spans="1:4" x14ac:dyDescent="0.3">
      <c r="A508" s="16"/>
      <c r="B508" s="16"/>
      <c r="D508" s="7"/>
    </row>
    <row r="509" spans="1:4" x14ac:dyDescent="0.3">
      <c r="A509" s="16"/>
      <c r="B509" s="16"/>
      <c r="D509" s="7"/>
    </row>
    <row r="510" spans="1:4" x14ac:dyDescent="0.3">
      <c r="A510" s="16"/>
      <c r="B510" s="16"/>
      <c r="D510" s="7"/>
    </row>
    <row r="511" spans="1:4" x14ac:dyDescent="0.3">
      <c r="A511" s="16"/>
      <c r="B511" s="16"/>
      <c r="D511" s="7"/>
    </row>
    <row r="512" spans="1:4" x14ac:dyDescent="0.3">
      <c r="A512" s="16"/>
      <c r="B512" s="16"/>
      <c r="D512" s="7"/>
    </row>
    <row r="513" spans="1:4" x14ac:dyDescent="0.3">
      <c r="A513" s="16"/>
      <c r="B513" s="16"/>
      <c r="D513" s="7"/>
    </row>
    <row r="514" spans="1:4" x14ac:dyDescent="0.3">
      <c r="A514" s="16"/>
      <c r="B514" s="16"/>
      <c r="D514" s="7"/>
    </row>
    <row r="515" spans="1:4" x14ac:dyDescent="0.3">
      <c r="A515" s="16"/>
      <c r="B515" s="16"/>
      <c r="D515" s="7"/>
    </row>
    <row r="516" spans="1:4" x14ac:dyDescent="0.3">
      <c r="A516" s="16"/>
      <c r="B516" s="16"/>
      <c r="D516" s="7"/>
    </row>
    <row r="517" spans="1:4" x14ac:dyDescent="0.3">
      <c r="A517" s="16"/>
      <c r="B517" s="16"/>
      <c r="D517" s="7"/>
    </row>
    <row r="518" spans="1:4" x14ac:dyDescent="0.3">
      <c r="A518" s="16"/>
      <c r="B518" s="16"/>
      <c r="D518" s="7"/>
    </row>
    <row r="519" spans="1:4" x14ac:dyDescent="0.3">
      <c r="A519" s="16"/>
      <c r="B519" s="16"/>
      <c r="D519" s="7"/>
    </row>
    <row r="520" spans="1:4" x14ac:dyDescent="0.3">
      <c r="A520" s="16"/>
      <c r="B520" s="16"/>
      <c r="D520" s="7"/>
    </row>
    <row r="521" spans="1:4" x14ac:dyDescent="0.3">
      <c r="A521" s="16"/>
      <c r="B521" s="16"/>
      <c r="D521" s="7"/>
    </row>
    <row r="522" spans="1:4" x14ac:dyDescent="0.3">
      <c r="A522" s="16"/>
      <c r="B522" s="16"/>
      <c r="D522" s="7"/>
    </row>
    <row r="523" spans="1:4" x14ac:dyDescent="0.3">
      <c r="A523" s="16"/>
      <c r="B523" s="16"/>
      <c r="D523" s="7"/>
    </row>
    <row r="524" spans="1:4" x14ac:dyDescent="0.3">
      <c r="A524" s="16"/>
      <c r="B524" s="16"/>
      <c r="D524" s="7"/>
    </row>
    <row r="525" spans="1:4" x14ac:dyDescent="0.3">
      <c r="A525" s="16"/>
      <c r="B525" s="16"/>
      <c r="D525" s="7"/>
    </row>
    <row r="526" spans="1:4" x14ac:dyDescent="0.3">
      <c r="A526" s="16"/>
      <c r="B526" s="16"/>
      <c r="D526" s="7"/>
    </row>
    <row r="527" spans="1:4" x14ac:dyDescent="0.3">
      <c r="A527" s="16"/>
      <c r="B527" s="16"/>
      <c r="D527" s="7"/>
    </row>
    <row r="528" spans="1:4" x14ac:dyDescent="0.3">
      <c r="A528" s="16"/>
      <c r="B528" s="16"/>
      <c r="D528" s="7"/>
    </row>
    <row r="529" spans="1:4" x14ac:dyDescent="0.3">
      <c r="A529" s="16"/>
      <c r="B529" s="16"/>
      <c r="D529" s="7"/>
    </row>
    <row r="530" spans="1:4" x14ac:dyDescent="0.3">
      <c r="A530" s="16"/>
      <c r="B530" s="16"/>
      <c r="D530" s="7"/>
    </row>
    <row r="531" spans="1:4" x14ac:dyDescent="0.3">
      <c r="A531" s="16"/>
      <c r="B531" s="16"/>
      <c r="D531" s="7"/>
    </row>
    <row r="532" spans="1:4" x14ac:dyDescent="0.3">
      <c r="A532" s="16"/>
      <c r="B532" s="16"/>
      <c r="D532" s="7"/>
    </row>
    <row r="533" spans="1:4" x14ac:dyDescent="0.3">
      <c r="A533" s="16"/>
      <c r="B533" s="16"/>
      <c r="D533" s="7"/>
    </row>
    <row r="534" spans="1:4" x14ac:dyDescent="0.3">
      <c r="A534" s="16"/>
      <c r="B534" s="16"/>
      <c r="D534" s="7"/>
    </row>
    <row r="535" spans="1:4" x14ac:dyDescent="0.3">
      <c r="A535" s="16"/>
      <c r="B535" s="16"/>
      <c r="D535" s="7"/>
    </row>
    <row r="536" spans="1:4" x14ac:dyDescent="0.3">
      <c r="A536" s="16"/>
      <c r="B536" s="16"/>
      <c r="D536" s="7"/>
    </row>
    <row r="537" spans="1:4" x14ac:dyDescent="0.3">
      <c r="A537" s="16"/>
      <c r="B537" s="16"/>
      <c r="D537" s="7"/>
    </row>
    <row r="538" spans="1:4" x14ac:dyDescent="0.3">
      <c r="A538" s="16"/>
      <c r="B538" s="16"/>
      <c r="D538" s="7"/>
    </row>
    <row r="539" spans="1:4" x14ac:dyDescent="0.3">
      <c r="A539" s="16"/>
      <c r="B539" s="16"/>
      <c r="D539" s="7"/>
    </row>
    <row r="540" spans="1:4" x14ac:dyDescent="0.3">
      <c r="A540" s="16"/>
      <c r="B540" s="16"/>
      <c r="D540" s="7"/>
    </row>
    <row r="541" spans="1:4" x14ac:dyDescent="0.3">
      <c r="A541" s="16"/>
      <c r="B541" s="16"/>
      <c r="D541" s="7"/>
    </row>
    <row r="542" spans="1:4" x14ac:dyDescent="0.3">
      <c r="A542" s="16"/>
      <c r="B542" s="16"/>
      <c r="D542" s="7"/>
    </row>
    <row r="543" spans="1:4" x14ac:dyDescent="0.3">
      <c r="A543" s="16"/>
      <c r="B543" s="16"/>
      <c r="D543" s="7"/>
    </row>
    <row r="544" spans="1:4" x14ac:dyDescent="0.3">
      <c r="A544" s="16"/>
      <c r="B544" s="16"/>
      <c r="D544" s="7"/>
    </row>
    <row r="545" spans="1:4" x14ac:dyDescent="0.3">
      <c r="A545" s="16"/>
      <c r="B545" s="16"/>
      <c r="D545" s="7"/>
    </row>
    <row r="546" spans="1:4" x14ac:dyDescent="0.3">
      <c r="A546" s="16"/>
      <c r="B546" s="16"/>
      <c r="D546" s="7"/>
    </row>
    <row r="547" spans="1:4" x14ac:dyDescent="0.3">
      <c r="A547" s="16"/>
      <c r="B547" s="16"/>
      <c r="D547" s="7"/>
    </row>
    <row r="548" spans="1:4" x14ac:dyDescent="0.3">
      <c r="A548" s="16"/>
      <c r="B548" s="16"/>
      <c r="D548" s="7"/>
    </row>
    <row r="549" spans="1:4" x14ac:dyDescent="0.3">
      <c r="A549" s="16"/>
      <c r="B549" s="16"/>
      <c r="D549" s="7"/>
    </row>
    <row r="550" spans="1:4" x14ac:dyDescent="0.3">
      <c r="A550" s="16"/>
      <c r="B550" s="16"/>
      <c r="D550" s="7"/>
    </row>
    <row r="551" spans="1:4" x14ac:dyDescent="0.3">
      <c r="A551" s="16"/>
      <c r="B551" s="16"/>
      <c r="D551" s="7"/>
    </row>
    <row r="552" spans="1:4" x14ac:dyDescent="0.3">
      <c r="A552" s="16"/>
      <c r="B552" s="16"/>
      <c r="D552" s="7"/>
    </row>
    <row r="553" spans="1:4" x14ac:dyDescent="0.3">
      <c r="A553" s="16"/>
      <c r="B553" s="16"/>
      <c r="D553" s="7"/>
    </row>
    <row r="554" spans="1:4" x14ac:dyDescent="0.3">
      <c r="A554" s="16"/>
      <c r="B554" s="16"/>
      <c r="D554" s="7"/>
    </row>
    <row r="555" spans="1:4" x14ac:dyDescent="0.3">
      <c r="A555" s="16"/>
      <c r="B555" s="16"/>
      <c r="D555" s="7"/>
    </row>
    <row r="556" spans="1:4" x14ac:dyDescent="0.3">
      <c r="A556" s="16"/>
      <c r="B556" s="16"/>
      <c r="D556" s="7"/>
    </row>
    <row r="557" spans="1:4" x14ac:dyDescent="0.3">
      <c r="A557" s="16"/>
      <c r="B557" s="16"/>
      <c r="D557" s="7"/>
    </row>
    <row r="558" spans="1:4" x14ac:dyDescent="0.3">
      <c r="A558" s="16"/>
      <c r="B558" s="16"/>
      <c r="D558" s="7"/>
    </row>
    <row r="559" spans="1:4" x14ac:dyDescent="0.3">
      <c r="A559" s="16"/>
      <c r="B559" s="16"/>
      <c r="D559" s="7"/>
    </row>
    <row r="560" spans="1:4" x14ac:dyDescent="0.3">
      <c r="A560" s="16"/>
      <c r="B560" s="16"/>
      <c r="D560" s="7"/>
    </row>
    <row r="561" spans="1:4" x14ac:dyDescent="0.3">
      <c r="A561" s="16"/>
      <c r="B561" s="16"/>
      <c r="D561" s="7"/>
    </row>
    <row r="562" spans="1:4" x14ac:dyDescent="0.3">
      <c r="A562" s="16"/>
      <c r="B562" s="16"/>
      <c r="D562" s="7"/>
    </row>
    <row r="563" spans="1:4" x14ac:dyDescent="0.3">
      <c r="A563" s="16"/>
      <c r="B563" s="16"/>
      <c r="D563" s="7"/>
    </row>
    <row r="564" spans="1:4" x14ac:dyDescent="0.3">
      <c r="A564" s="16"/>
      <c r="B564" s="16"/>
      <c r="D564" s="7"/>
    </row>
    <row r="565" spans="1:4" x14ac:dyDescent="0.3">
      <c r="A565" s="16"/>
      <c r="B565" s="16"/>
      <c r="D565" s="7"/>
    </row>
    <row r="566" spans="1:4" x14ac:dyDescent="0.3">
      <c r="A566" s="16"/>
      <c r="B566" s="16"/>
      <c r="D566" s="7"/>
    </row>
    <row r="567" spans="1:4" x14ac:dyDescent="0.3">
      <c r="A567" s="16"/>
      <c r="B567" s="16"/>
      <c r="D567" s="7"/>
    </row>
    <row r="568" spans="1:4" x14ac:dyDescent="0.3">
      <c r="A568" s="16"/>
      <c r="B568" s="16"/>
      <c r="D568" s="7"/>
    </row>
    <row r="569" spans="1:4" x14ac:dyDescent="0.3">
      <c r="A569" s="16"/>
      <c r="B569" s="16"/>
      <c r="D569" s="7"/>
    </row>
    <row r="570" spans="1:4" x14ac:dyDescent="0.3">
      <c r="A570" s="16"/>
      <c r="B570" s="16"/>
      <c r="D570" s="7"/>
    </row>
    <row r="571" spans="1:4" x14ac:dyDescent="0.3">
      <c r="A571" s="16"/>
      <c r="B571" s="16"/>
      <c r="D571" s="7"/>
    </row>
    <row r="572" spans="1:4" x14ac:dyDescent="0.3">
      <c r="A572" s="16"/>
      <c r="B572" s="16"/>
      <c r="D572" s="7"/>
    </row>
    <row r="573" spans="1:4" x14ac:dyDescent="0.3">
      <c r="A573" s="16"/>
      <c r="B573" s="16"/>
      <c r="D573" s="7"/>
    </row>
    <row r="574" spans="1:4" x14ac:dyDescent="0.3">
      <c r="A574" s="16"/>
      <c r="B574" s="16"/>
      <c r="D574" s="7"/>
    </row>
    <row r="575" spans="1:4" x14ac:dyDescent="0.3">
      <c r="A575" s="16"/>
      <c r="B575" s="16"/>
      <c r="D575" s="7"/>
    </row>
    <row r="576" spans="1:4" x14ac:dyDescent="0.3">
      <c r="A576" s="16"/>
      <c r="B576" s="16"/>
      <c r="D576" s="7"/>
    </row>
    <row r="577" spans="1:4" x14ac:dyDescent="0.3">
      <c r="A577" s="16"/>
      <c r="B577" s="16"/>
      <c r="D577" s="7"/>
    </row>
    <row r="578" spans="1:4" x14ac:dyDescent="0.3">
      <c r="A578" s="16"/>
      <c r="B578" s="16"/>
      <c r="D578" s="7"/>
    </row>
    <row r="579" spans="1:4" x14ac:dyDescent="0.3">
      <c r="A579" s="16"/>
      <c r="B579" s="16"/>
      <c r="D579" s="7"/>
    </row>
    <row r="580" spans="1:4" x14ac:dyDescent="0.3">
      <c r="A580" s="16"/>
      <c r="B580" s="16"/>
      <c r="D580" s="7"/>
    </row>
    <row r="581" spans="1:4" x14ac:dyDescent="0.3">
      <c r="A581" s="16"/>
      <c r="B581" s="16"/>
      <c r="D581" s="7"/>
    </row>
    <row r="582" spans="1:4" x14ac:dyDescent="0.3">
      <c r="A582" s="16"/>
      <c r="B582" s="16"/>
      <c r="D582" s="7"/>
    </row>
    <row r="583" spans="1:4" x14ac:dyDescent="0.3">
      <c r="A583" s="16"/>
      <c r="B583" s="16"/>
      <c r="D583" s="7"/>
    </row>
    <row r="584" spans="1:4" x14ac:dyDescent="0.3">
      <c r="A584" s="16"/>
      <c r="B584" s="16"/>
      <c r="D584" s="7"/>
    </row>
  </sheetData>
  <sheetProtection algorithmName="SHA-512" hashValue="VSmpPAAGMwTJNPi7ay4LgF+sTXuNDTvk+lZyicpzPY58wfwNY+EsvmXpkA1y3Opapb/So5McJ2+QBUEJXHa9qA==" saltValue="G9qjcM49V4DF6wnOvZKMcQ==" spinCount="100000" sheet="1" objects="1" scenarios="1"/>
  <protectedRanges>
    <protectedRange algorithmName="SHA-512" hashValue="7Nv8vtP474JLMGNn0d6uMZFBv7vsl6xhFdz68ItKgBEYbPqFbRfg3HAuIb50WfkVZR/NI8AeJvPjOc7VCvu42g==" saltValue="8YykzDH/a1ZvBd8ARiX7LA==" spinCount="100000" sqref="D2:D38" name="SupplierStatements"/>
  </protectedRanges>
  <phoneticPr fontId="28" type="noConversion"/>
  <pageMargins left="0.7" right="0.7" top="0.78740157499999996" bottom="0.78740157499999996" header="0.3" footer="0.3"/>
  <pageSetup paperSize="9" orientation="portrait" verticalDpi="0" r:id="rId1"/>
  <tableParts count="1">
    <tablePart r:id="rId2"/>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ABB Excel Template","templateDescription":"","enableDocumentContentUpdater":false,"version":"2.0"}]]></TemplafyTemplateConfiguration>
</file>

<file path=customXml/itemProps1.xml><?xml version="1.0" encoding="utf-8"?>
<ds:datastoreItem xmlns:ds="http://schemas.openxmlformats.org/officeDocument/2006/customXml" ds:itemID="{33AFE24D-024C-4D19-9BBA-2FD568CDA0AE}">
  <ds:schemaRefs/>
</ds:datastoreItem>
</file>

<file path=customXml/itemProps2.xml><?xml version="1.0" encoding="utf-8"?>
<ds:datastoreItem xmlns:ds="http://schemas.openxmlformats.org/officeDocument/2006/customXml" ds:itemID="{330AB371-4956-474F-B192-5E83C364172A}">
  <ds:schemaRefs/>
</ds:datastoreItem>
</file>

<file path=docMetadata/LabelInfo.xml><?xml version="1.0" encoding="utf-8"?>
<clbl:labelList xmlns:clbl="http://schemas.microsoft.com/office/2020/mipLabelMetadata">
  <clbl:label id="{d792d246-d363-40e2-82bc-6f0655128b68}" enabled="1" method="Standard" siteId="{372ee9e0-9ce0-4033-a64a-c07073a91ecd}" removed="0"/>
</clbl:labelList>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Arbeitsblätter</vt:lpstr>
      </vt:variant>
      <vt:variant>
        <vt:i4>2</vt:i4>
      </vt:variant>
    </vt:vector>
  </HeadingPairs>
  <TitlesOfParts>
    <vt:vector size="2" baseType="lpstr">
      <vt:lpstr>Introduction</vt:lpstr>
      <vt:lpstr>Questionnaire</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amp;R Supplier Evaluation</dc:title>
  <dc:subject>B&amp;R Supplier Evaluation</dc:subject>
  <dc:creator/>
  <cp:keywords>BR;Cyber Security;Supplier Evaluation</cp:keywords>
  <cp:lastModifiedBy/>
  <dcterms:created xsi:type="dcterms:W3CDTF">2025-03-19T12:45:19Z</dcterms:created>
  <dcterms:modified xsi:type="dcterms:W3CDTF">2025-06-02T10:17:3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bb</vt:lpwstr>
  </property>
  <property fmtid="{D5CDD505-2E9C-101B-9397-08002B2CF9AE}" pid="3" name="TemplafyTemplateId">
    <vt:lpwstr>637920241381652607</vt:lpwstr>
  </property>
  <property fmtid="{D5CDD505-2E9C-101B-9397-08002B2CF9AE}" pid="4" name="TemplafyUserProfileId">
    <vt:lpwstr>763482681937494218</vt:lpwstr>
  </property>
  <property fmtid="{D5CDD505-2E9C-101B-9397-08002B2CF9AE}" pid="5" name="TemplafyLanguageCode">
    <vt:lpwstr>en-US</vt:lpwstr>
  </property>
  <property fmtid="{D5CDD505-2E9C-101B-9397-08002B2CF9AE}" pid="6" name="TemplafyFromBlank">
    <vt:bool>true</vt:bool>
  </property>
</Properties>
</file>